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7\01_令和9年度開園分_稲野駅周辺\02募集案\HP\"/>
    </mc:Choice>
  </mc:AlternateContent>
  <bookViews>
    <workbookView xWindow="600" yWindow="105" windowWidth="19395" windowHeight="7845"/>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7" uniqueCount="491">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⑥その他の事項</t>
    <rPh sb="3" eb="4">
      <t>タ</t>
    </rPh>
    <rPh sb="5" eb="7">
      <t>ジコウ</t>
    </rPh>
    <phoneticPr fontId="5"/>
  </si>
  <si>
    <t>※生年月日は和暦で記入ください。</t>
    <rPh sb="1" eb="5">
      <t>セイネンガッピ</t>
    </rPh>
    <rPh sb="6" eb="8">
      <t>ワレキ</t>
    </rPh>
    <rPh sb="9" eb="11">
      <t>キニュウ</t>
    </rPh>
    <phoneticPr fontId="3"/>
  </si>
  <si>
    <t>安全計画</t>
    <rPh sb="0" eb="2">
      <t>アンゼン</t>
    </rPh>
    <rPh sb="2" eb="4">
      <t>ケイカク</t>
    </rPh>
    <phoneticPr fontId="5"/>
  </si>
  <si>
    <t>　注）借入金償還計画表（様式１２）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i>
    <t>15：1</t>
    <phoneticPr fontId="5"/>
  </si>
  <si>
    <t>25：1</t>
    <phoneticPr fontId="5"/>
  </si>
  <si>
    <t>令和９年４月１日～令和１０年３月３１日</t>
    <rPh sb="0" eb="1">
      <t>レイ</t>
    </rPh>
    <rPh sb="1" eb="2">
      <t>ワ</t>
    </rPh>
    <rPh sb="3" eb="4">
      <t>ネン</t>
    </rPh>
    <rPh sb="5" eb="6">
      <t>ツキ</t>
    </rPh>
    <rPh sb="7" eb="8">
      <t>ニチ</t>
    </rPh>
    <rPh sb="9" eb="11">
      <t>レイワ</t>
    </rPh>
    <rPh sb="13" eb="14">
      <t>ネン</t>
    </rPh>
    <rPh sb="15" eb="16">
      <t>ガツ</t>
    </rPh>
    <rPh sb="18" eb="19">
      <t>ニチ</t>
    </rPh>
    <phoneticPr fontId="5"/>
  </si>
  <si>
    <t>令和９年度予算</t>
    <rPh sb="0" eb="1">
      <t>レイ</t>
    </rPh>
    <rPh sb="1" eb="2">
      <t>ワ</t>
    </rPh>
    <rPh sb="3" eb="5">
      <t>ネンド</t>
    </rPh>
    <rPh sb="5" eb="7">
      <t>ヨサン</t>
    </rPh>
    <phoneticPr fontId="4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6">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8">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2" fillId="0" borderId="0" xfId="0" applyFont="1" applyAlignment="1">
      <alignment vertical="top"/>
    </xf>
    <xf numFmtId="0" fontId="41" fillId="0" borderId="0" xfId="0" applyFont="1" applyFill="1" applyAlignment="1">
      <alignment vertical="center"/>
    </xf>
    <xf numFmtId="49" fontId="45" fillId="0" borderId="1" xfId="0" applyNumberFormat="1" applyFont="1" applyBorder="1" applyAlignment="1">
      <alignment horizontal="center" vertical="center"/>
    </xf>
    <xf numFmtId="49" fontId="45" fillId="0" borderId="3" xfId="0" applyNumberFormat="1" applyFont="1" applyBorder="1" applyAlignment="1">
      <alignment horizontal="center" vertical="center"/>
    </xf>
    <xf numFmtId="0" fontId="8" fillId="0" borderId="0" xfId="0" applyFont="1" applyAlignment="1">
      <alignment horizontal="center" vertical="center"/>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14" xfId="0" applyFont="1" applyFill="1" applyBorder="1" applyAlignment="1">
      <alignment horizontal="center" vertical="center"/>
    </xf>
    <xf numFmtId="0" fontId="15" fillId="2" borderId="1"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6" fillId="0" borderId="1" xfId="0" applyFont="1" applyBorder="1" applyAlignment="1">
      <alignment horizontal="center"/>
    </xf>
    <xf numFmtId="0" fontId="16" fillId="0" borderId="15" xfId="0" applyFont="1" applyBorder="1" applyAlignment="1">
      <alignment horizontal="center"/>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5" xfId="0" applyFont="1" applyFill="1" applyBorder="1" applyAlignment="1">
      <alignment horizontal="center" vertical="center"/>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0" fontId="27" fillId="0" borderId="3" xfId="0" applyFont="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center" vertical="center"/>
    </xf>
    <xf numFmtId="0" fontId="27" fillId="0" borderId="1" xfId="0" applyFont="1" applyFill="1" applyBorder="1" applyAlignment="1">
      <alignment horizontal="left" vertical="center"/>
    </xf>
    <xf numFmtId="0" fontId="11" fillId="2" borderId="1" xfId="0" applyFont="1" applyFill="1" applyBorder="1" applyAlignment="1">
      <alignment horizontal="center" vertical="center"/>
    </xf>
    <xf numFmtId="0" fontId="27" fillId="0" borderId="1" xfId="0" applyFont="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46"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0" fontId="11" fillId="2" borderId="4" xfId="0" applyFont="1" applyFill="1" applyBorder="1" applyAlignment="1">
      <alignment horizontal="center" vertical="center"/>
    </xf>
    <xf numFmtId="0" fontId="11" fillId="2" borderId="7" xfId="0" applyFont="1" applyFill="1" applyBorder="1" applyAlignment="1">
      <alignment horizontal="center" vertical="center"/>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11" fillId="2" borderId="3" xfId="0" applyFont="1" applyFill="1" applyBorder="1" applyAlignment="1">
      <alignment horizontal="center" vertical="center" wrapText="1"/>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11" fillId="2" borderId="5" xfId="0" applyFont="1" applyFill="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27" fillId="0" borderId="3" xfId="0" applyFont="1" applyBorder="1" applyAlignment="1">
      <alignment horizontal="center" vertical="center" wrapText="1"/>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93"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0" borderId="27" xfId="7" applyFont="1" applyBorder="1" applyAlignment="1">
      <alignment vertical="top"/>
    </xf>
    <xf numFmtId="0" fontId="0" fillId="0" borderId="18" xfId="0" applyBorder="1" applyAlignment="1">
      <alignment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abSelected="1" workbookViewId="0">
      <selection activeCell="I25" sqref="I25"/>
    </sheetView>
  </sheetViews>
  <sheetFormatPr defaultRowHeight="13.5"/>
  <cols>
    <col min="1" max="1" width="16.125" style="1" bestFit="1" customWidth="1"/>
    <col min="2" max="2" width="9" style="1"/>
    <col min="3" max="3" width="7.625" style="1" customWidth="1"/>
    <col min="4" max="4" width="9" style="1"/>
    <col min="5" max="5" width="8.25" style="1" customWidth="1"/>
    <col min="6" max="16384" width="9" style="1"/>
  </cols>
  <sheetData>
    <row r="1" spans="1:9">
      <c r="A1" s="1" t="s">
        <v>10</v>
      </c>
    </row>
    <row r="2" spans="1:9" ht="21" customHeight="1"/>
    <row r="3" spans="1:9" ht="21" customHeight="1"/>
    <row r="4" spans="1:9" ht="21" customHeight="1"/>
    <row r="5" spans="1:9" ht="21" customHeight="1"/>
    <row r="6" spans="1:9" ht="21" customHeight="1"/>
    <row r="7" spans="1:9" ht="21" customHeight="1">
      <c r="A7" s="273" t="s">
        <v>11</v>
      </c>
      <c r="B7" s="273"/>
      <c r="C7" s="273"/>
      <c r="D7" s="273"/>
      <c r="E7" s="273"/>
      <c r="F7" s="273"/>
      <c r="G7" s="273"/>
      <c r="H7" s="273"/>
      <c r="I7" s="273"/>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274" t="s">
        <v>391</v>
      </c>
      <c r="B13" s="275"/>
      <c r="C13" s="275"/>
      <c r="D13" s="275"/>
      <c r="E13" s="275"/>
      <c r="F13" s="275"/>
      <c r="G13" s="275"/>
      <c r="H13" s="275"/>
      <c r="I13" s="275"/>
    </row>
    <row r="14" spans="1:9" ht="21" customHeight="1">
      <c r="A14" s="275"/>
      <c r="B14" s="275"/>
      <c r="C14" s="275"/>
      <c r="D14" s="275"/>
      <c r="E14" s="275"/>
      <c r="F14" s="275"/>
      <c r="G14" s="275"/>
      <c r="H14" s="275"/>
      <c r="I14" s="275"/>
    </row>
    <row r="15" spans="1:9" ht="21" customHeight="1">
      <c r="A15" s="2"/>
      <c r="B15" s="2"/>
      <c r="C15" s="2"/>
      <c r="D15" s="2"/>
      <c r="E15" s="2"/>
      <c r="F15" s="2"/>
      <c r="G15" s="2"/>
      <c r="H15" s="2"/>
      <c r="I15" s="2"/>
    </row>
    <row r="16" spans="1:9" ht="21" customHeight="1">
      <c r="G16" s="1" t="s">
        <v>378</v>
      </c>
    </row>
    <row r="17" spans="1:9" ht="21" customHeight="1"/>
    <row r="18" spans="1:9" ht="21" customHeight="1">
      <c r="A18" s="1" t="s">
        <v>12</v>
      </c>
    </row>
    <row r="19" spans="1:9" ht="21" customHeight="1"/>
    <row r="20" spans="1:9" ht="21" customHeight="1">
      <c r="E20" s="1" t="s">
        <v>13</v>
      </c>
    </row>
    <row r="21" spans="1:9" ht="21" customHeight="1">
      <c r="E21" s="1" t="s">
        <v>0</v>
      </c>
    </row>
    <row r="22" spans="1:9" ht="6.95" customHeight="1"/>
    <row r="23" spans="1:9" ht="21" customHeight="1">
      <c r="E23" s="1" t="s">
        <v>1</v>
      </c>
    </row>
    <row r="24" spans="1:9" ht="6.95" customHeight="1"/>
    <row r="25" spans="1:9" ht="21" customHeight="1">
      <c r="E25" s="1" t="s">
        <v>2</v>
      </c>
      <c r="I25" s="3"/>
    </row>
    <row r="26" spans="1:9" ht="6.95" customHeight="1"/>
    <row r="27" spans="1:9" ht="21" customHeight="1">
      <c r="E27" s="1" t="s">
        <v>14</v>
      </c>
    </row>
    <row r="28" spans="1:9" ht="21" customHeight="1"/>
    <row r="29" spans="1:9" ht="21" customHeight="1"/>
    <row r="30" spans="1:9" ht="21" customHeight="1">
      <c r="E30" s="1" t="s">
        <v>15</v>
      </c>
    </row>
    <row r="31" spans="1:9" ht="21" customHeight="1">
      <c r="E31" s="1" t="s">
        <v>3</v>
      </c>
    </row>
    <row r="32" spans="1:9" ht="6.95" customHeight="1"/>
    <row r="33" spans="5:5" ht="21" customHeight="1">
      <c r="E33" s="1" t="s">
        <v>4</v>
      </c>
    </row>
    <row r="34" spans="5:5" ht="6.95" customHeight="1"/>
    <row r="35" spans="5:5" ht="21" customHeight="1">
      <c r="E35" s="1" t="s">
        <v>5</v>
      </c>
    </row>
    <row r="36" spans="5:5" ht="6.95" customHeight="1"/>
    <row r="37" spans="5:5" ht="21" customHeight="1">
      <c r="E37" s="1" t="s">
        <v>16</v>
      </c>
    </row>
    <row r="38" spans="5:5" ht="6.95" customHeight="1"/>
    <row r="39" spans="5:5" ht="21" customHeight="1">
      <c r="E39" s="1" t="s">
        <v>6</v>
      </c>
    </row>
    <row r="40" spans="5:5" ht="30" customHeight="1"/>
    <row r="65" spans="1:1">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topLeftCell="A2" zoomScaleNormal="100" workbookViewId="0">
      <selection activeCell="L15" sqref="L15"/>
    </sheetView>
  </sheetViews>
  <sheetFormatPr defaultRowHeight="13.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c r="A1" s="1" t="s">
        <v>144</v>
      </c>
    </row>
    <row r="2" spans="1:7" ht="21" customHeight="1">
      <c r="A2" s="411" t="s">
        <v>260</v>
      </c>
      <c r="B2" s="411"/>
      <c r="C2" s="411"/>
      <c r="D2" s="411"/>
      <c r="E2" s="411"/>
      <c r="F2" s="411"/>
      <c r="G2" s="411"/>
    </row>
    <row r="4" spans="1:7" ht="18" customHeight="1">
      <c r="A4" s="115" t="s">
        <v>261</v>
      </c>
    </row>
    <row r="6" spans="1:7" ht="18" customHeight="1">
      <c r="A6" s="4" t="s">
        <v>262</v>
      </c>
    </row>
    <row r="7" spans="1:7" ht="18" customHeight="1">
      <c r="A7" s="424" t="s">
        <v>7</v>
      </c>
      <c r="B7" s="425"/>
      <c r="C7" s="426"/>
      <c r="D7" s="424" t="s">
        <v>263</v>
      </c>
      <c r="E7" s="426"/>
      <c r="F7" s="424" t="s">
        <v>51</v>
      </c>
      <c r="G7" s="426"/>
    </row>
    <row r="8" spans="1:7" ht="18" customHeight="1">
      <c r="A8" s="69" t="s">
        <v>264</v>
      </c>
      <c r="B8" s="69" t="s">
        <v>265</v>
      </c>
      <c r="C8" s="68" t="s">
        <v>266</v>
      </c>
      <c r="D8" s="521"/>
      <c r="E8" s="522"/>
      <c r="F8" s="523"/>
      <c r="G8" s="524"/>
    </row>
    <row r="9" spans="1:7" ht="18" customHeight="1">
      <c r="A9" s="160"/>
      <c r="B9" s="160"/>
      <c r="C9" s="68" t="s">
        <v>267</v>
      </c>
      <c r="D9" s="521"/>
      <c r="E9" s="522"/>
      <c r="F9" s="523"/>
      <c r="G9" s="524"/>
    </row>
    <row r="10" spans="1:7" ht="18" customHeight="1">
      <c r="A10" s="160"/>
      <c r="B10" s="160"/>
      <c r="C10" s="68" t="s">
        <v>268</v>
      </c>
      <c r="D10" s="521"/>
      <c r="E10" s="522"/>
      <c r="F10" s="523"/>
      <c r="G10" s="524"/>
    </row>
    <row r="11" spans="1:7" ht="18" customHeight="1">
      <c r="A11" s="160"/>
      <c r="B11" s="160"/>
      <c r="C11" s="68" t="s">
        <v>269</v>
      </c>
      <c r="D11" s="521"/>
      <c r="E11" s="522"/>
      <c r="F11" s="523"/>
      <c r="G11" s="524"/>
    </row>
    <row r="12" spans="1:7" ht="18" customHeight="1">
      <c r="A12" s="160"/>
      <c r="B12" s="161"/>
      <c r="C12" s="68" t="s">
        <v>270</v>
      </c>
      <c r="D12" s="521"/>
      <c r="E12" s="522"/>
      <c r="F12" s="523"/>
      <c r="G12" s="524"/>
    </row>
    <row r="13" spans="1:7" s="210" customFormat="1" ht="18" customHeight="1">
      <c r="A13" s="160"/>
      <c r="B13" s="162" t="s">
        <v>376</v>
      </c>
      <c r="C13" s="163"/>
      <c r="D13" s="521"/>
      <c r="E13" s="522"/>
      <c r="F13" s="523"/>
      <c r="G13" s="524"/>
    </row>
    <row r="14" spans="1:7" s="210" customFormat="1" ht="18" customHeight="1">
      <c r="A14" s="160"/>
      <c r="B14" s="211" t="s">
        <v>375</v>
      </c>
      <c r="C14" s="163"/>
      <c r="D14" s="521"/>
      <c r="E14" s="522"/>
      <c r="F14" s="523"/>
      <c r="G14" s="524"/>
    </row>
    <row r="15" spans="1:7" ht="18" customHeight="1">
      <c r="A15" s="160"/>
      <c r="B15" s="162" t="s">
        <v>377</v>
      </c>
      <c r="C15" s="163"/>
      <c r="D15" s="521"/>
      <c r="E15" s="522"/>
      <c r="F15" s="523"/>
      <c r="G15" s="524"/>
    </row>
    <row r="16" spans="1:7" ht="18" customHeight="1">
      <c r="A16" s="161"/>
      <c r="B16" s="68" t="s">
        <v>271</v>
      </c>
      <c r="C16" s="68"/>
      <c r="D16" s="521"/>
      <c r="E16" s="522"/>
      <c r="F16" s="523"/>
      <c r="G16" s="524"/>
    </row>
    <row r="17" spans="1:7" ht="18" customHeight="1">
      <c r="A17" s="69" t="s">
        <v>272</v>
      </c>
      <c r="B17" s="162" t="s">
        <v>273</v>
      </c>
      <c r="C17" s="163"/>
      <c r="D17" s="521"/>
      <c r="E17" s="522"/>
      <c r="F17" s="525" t="s">
        <v>374</v>
      </c>
      <c r="G17" s="526"/>
    </row>
    <row r="18" spans="1:7" ht="18" customHeight="1">
      <c r="A18" s="160"/>
      <c r="B18" s="162" t="s">
        <v>274</v>
      </c>
      <c r="C18" s="163"/>
      <c r="D18" s="521"/>
      <c r="E18" s="522"/>
      <c r="F18" s="523"/>
      <c r="G18" s="524"/>
    </row>
    <row r="19" spans="1:7" ht="18" customHeight="1">
      <c r="A19" s="161"/>
      <c r="B19" s="162" t="s">
        <v>9</v>
      </c>
      <c r="C19" s="163"/>
      <c r="D19" s="521"/>
      <c r="E19" s="522"/>
      <c r="F19" s="523"/>
      <c r="G19" s="524"/>
    </row>
    <row r="20" spans="1:7" ht="18" customHeight="1">
      <c r="A20" s="69" t="s">
        <v>275</v>
      </c>
      <c r="B20" s="162" t="s">
        <v>276</v>
      </c>
      <c r="C20" s="163"/>
      <c r="D20" s="521"/>
      <c r="E20" s="522"/>
      <c r="F20" s="523"/>
      <c r="G20" s="524"/>
    </row>
    <row r="21" spans="1:7" ht="18" customHeight="1">
      <c r="A21" s="160" t="s">
        <v>276</v>
      </c>
      <c r="B21" s="162" t="s">
        <v>277</v>
      </c>
      <c r="C21" s="163"/>
      <c r="D21" s="521"/>
      <c r="E21" s="522"/>
      <c r="F21" s="523"/>
      <c r="G21" s="524"/>
    </row>
    <row r="22" spans="1:7" ht="18" customHeight="1">
      <c r="A22" s="161"/>
      <c r="B22" s="162" t="s">
        <v>9</v>
      </c>
      <c r="C22" s="163"/>
      <c r="D22" s="521"/>
      <c r="E22" s="522"/>
      <c r="F22" s="523"/>
      <c r="G22" s="524"/>
    </row>
    <row r="23" spans="1:7" ht="18" customHeight="1" thickBot="1">
      <c r="A23" s="527" t="s">
        <v>278</v>
      </c>
      <c r="B23" s="528"/>
      <c r="C23" s="529"/>
      <c r="D23" s="530"/>
      <c r="E23" s="531"/>
      <c r="F23" s="523"/>
      <c r="G23" s="524"/>
    </row>
    <row r="24" spans="1:7" ht="18" customHeight="1" thickTop="1">
      <c r="A24" s="532" t="s">
        <v>116</v>
      </c>
      <c r="B24" s="533"/>
      <c r="C24" s="534"/>
      <c r="D24" s="535"/>
      <c r="E24" s="536"/>
      <c r="F24" s="537"/>
      <c r="G24" s="538"/>
    </row>
    <row r="26" spans="1:7" ht="18" customHeight="1">
      <c r="A26" s="4" t="s">
        <v>279</v>
      </c>
    </row>
    <row r="27" spans="1:7" ht="18" customHeight="1">
      <c r="A27" s="424" t="s">
        <v>7</v>
      </c>
      <c r="B27" s="425"/>
      <c r="C27" s="426"/>
      <c r="D27" s="424" t="s">
        <v>263</v>
      </c>
      <c r="E27" s="426"/>
      <c r="F27" s="424" t="s">
        <v>51</v>
      </c>
      <c r="G27" s="426"/>
    </row>
    <row r="28" spans="1:7" ht="18" customHeight="1">
      <c r="A28" s="162" t="s">
        <v>280</v>
      </c>
      <c r="B28" s="120"/>
      <c r="C28" s="164"/>
      <c r="D28" s="521"/>
      <c r="E28" s="522"/>
      <c r="F28" s="523"/>
      <c r="G28" s="524"/>
    </row>
    <row r="29" spans="1:7" ht="18" customHeight="1">
      <c r="A29" s="162" t="s">
        <v>281</v>
      </c>
      <c r="B29" s="120"/>
      <c r="C29" s="164"/>
      <c r="D29" s="521"/>
      <c r="E29" s="522"/>
      <c r="F29" s="523"/>
      <c r="G29" s="524"/>
    </row>
    <row r="30" spans="1:7" ht="18" customHeight="1">
      <c r="A30" s="162" t="s">
        <v>282</v>
      </c>
      <c r="B30" s="120"/>
      <c r="C30" s="164"/>
      <c r="D30" s="521"/>
      <c r="E30" s="522"/>
      <c r="F30" s="523"/>
      <c r="G30" s="524"/>
    </row>
    <row r="31" spans="1:7" ht="18" customHeight="1">
      <c r="A31" s="162" t="s">
        <v>283</v>
      </c>
      <c r="B31" s="120"/>
      <c r="C31" s="164"/>
      <c r="D31" s="521"/>
      <c r="E31" s="522"/>
      <c r="F31" s="523"/>
      <c r="G31" s="524"/>
    </row>
    <row r="32" spans="1:7" ht="18" customHeight="1" thickBot="1">
      <c r="A32" s="165" t="s">
        <v>284</v>
      </c>
      <c r="B32" s="136"/>
      <c r="C32" s="166"/>
      <c r="D32" s="521"/>
      <c r="E32" s="522"/>
      <c r="F32" s="523"/>
      <c r="G32" s="524"/>
    </row>
    <row r="33" spans="1:8" ht="18" customHeight="1" thickTop="1">
      <c r="A33" s="532" t="s">
        <v>116</v>
      </c>
      <c r="B33" s="533"/>
      <c r="C33" s="534"/>
      <c r="D33" s="535"/>
      <c r="E33" s="536"/>
      <c r="F33" s="537"/>
      <c r="G33" s="538"/>
    </row>
    <row r="35" spans="1:8" ht="18" customHeight="1">
      <c r="A35" s="6" t="s">
        <v>285</v>
      </c>
    </row>
    <row r="36" spans="1:8" ht="18" customHeight="1">
      <c r="A36" s="56" t="s">
        <v>286</v>
      </c>
      <c r="B36" s="56" t="s">
        <v>287</v>
      </c>
      <c r="C36" s="56" t="s">
        <v>288</v>
      </c>
      <c r="D36" s="424" t="s">
        <v>100</v>
      </c>
      <c r="E36" s="426"/>
      <c r="F36" s="56" t="s">
        <v>289</v>
      </c>
      <c r="G36" s="150" t="s">
        <v>290</v>
      </c>
    </row>
    <row r="37" spans="1:8" ht="18" customHeight="1">
      <c r="A37" s="60"/>
      <c r="B37" s="167"/>
      <c r="C37" s="167"/>
      <c r="D37" s="521"/>
      <c r="E37" s="522"/>
      <c r="F37" s="60"/>
      <c r="G37" s="167"/>
    </row>
    <row r="38" spans="1:8" ht="18" customHeight="1" thickBot="1">
      <c r="A38" s="70"/>
      <c r="B38" s="168"/>
      <c r="C38" s="168"/>
      <c r="D38" s="530"/>
      <c r="E38" s="531"/>
      <c r="F38" s="70"/>
      <c r="G38" s="168"/>
    </row>
    <row r="39" spans="1:8" ht="18" customHeight="1" thickTop="1">
      <c r="A39" s="169" t="s">
        <v>113</v>
      </c>
      <c r="B39" s="170"/>
      <c r="C39" s="170"/>
      <c r="D39" s="535"/>
      <c r="E39" s="536"/>
      <c r="F39" s="74"/>
      <c r="G39" s="170"/>
    </row>
    <row r="40" spans="1:8">
      <c r="A40" s="171" t="s">
        <v>486</v>
      </c>
      <c r="B40" s="65"/>
    </row>
    <row r="42" spans="1:8" ht="18" customHeight="1">
      <c r="A42" s="172" t="s">
        <v>291</v>
      </c>
    </row>
    <row r="43" spans="1:8" ht="18" customHeight="1">
      <c r="A43" s="56" t="s">
        <v>292</v>
      </c>
      <c r="B43" s="56" t="s">
        <v>293</v>
      </c>
      <c r="C43" s="56" t="s">
        <v>294</v>
      </c>
      <c r="D43" s="56" t="s">
        <v>295</v>
      </c>
      <c r="E43" s="424" t="s">
        <v>296</v>
      </c>
      <c r="F43" s="425"/>
      <c r="G43" s="426"/>
      <c r="H43" s="173"/>
    </row>
    <row r="44" spans="1:8" ht="18" customHeight="1">
      <c r="A44" s="174"/>
      <c r="B44" s="174"/>
      <c r="C44" s="174"/>
      <c r="D44" s="175"/>
      <c r="E44" s="444"/>
      <c r="F44" s="445"/>
      <c r="G44" s="446"/>
      <c r="H44" s="176"/>
    </row>
  </sheetData>
  <mergeCells count="62">
    <mergeCell ref="D39:E39"/>
    <mergeCell ref="E43:G43"/>
    <mergeCell ref="E44:G44"/>
    <mergeCell ref="A33:C33"/>
    <mergeCell ref="D33:E33"/>
    <mergeCell ref="F33:G33"/>
    <mergeCell ref="D36:E36"/>
    <mergeCell ref="D37:E37"/>
    <mergeCell ref="D38:E38"/>
    <mergeCell ref="D30:E30"/>
    <mergeCell ref="F30:G30"/>
    <mergeCell ref="D31:E31"/>
    <mergeCell ref="F31:G31"/>
    <mergeCell ref="D32:E32"/>
    <mergeCell ref="F32:G32"/>
    <mergeCell ref="D29:E29"/>
    <mergeCell ref="F29:G29"/>
    <mergeCell ref="A23:C23"/>
    <mergeCell ref="D23:E23"/>
    <mergeCell ref="F23:G23"/>
    <mergeCell ref="A24:C24"/>
    <mergeCell ref="D24:E24"/>
    <mergeCell ref="F24:G24"/>
    <mergeCell ref="A27:C27"/>
    <mergeCell ref="D27:E27"/>
    <mergeCell ref="F27:G27"/>
    <mergeCell ref="D28:E28"/>
    <mergeCell ref="F28:G28"/>
    <mergeCell ref="D20:E20"/>
    <mergeCell ref="F20:G20"/>
    <mergeCell ref="D21:E21"/>
    <mergeCell ref="F21:G21"/>
    <mergeCell ref="D22:E22"/>
    <mergeCell ref="F22:G22"/>
    <mergeCell ref="D17:E17"/>
    <mergeCell ref="F17:G17"/>
    <mergeCell ref="D18:E18"/>
    <mergeCell ref="F18:G18"/>
    <mergeCell ref="D19:E19"/>
    <mergeCell ref="F19:G19"/>
    <mergeCell ref="D12:E12"/>
    <mergeCell ref="F12:G12"/>
    <mergeCell ref="D15:E15"/>
    <mergeCell ref="F15:G15"/>
    <mergeCell ref="D16:E16"/>
    <mergeCell ref="F16:G16"/>
    <mergeCell ref="D13:E13"/>
    <mergeCell ref="D14:E14"/>
    <mergeCell ref="F13:G13"/>
    <mergeCell ref="F14:G14"/>
    <mergeCell ref="D9:E9"/>
    <mergeCell ref="F9:G9"/>
    <mergeCell ref="D10:E10"/>
    <mergeCell ref="F10:G10"/>
    <mergeCell ref="D11:E11"/>
    <mergeCell ref="F11:G11"/>
    <mergeCell ref="A2:G2"/>
    <mergeCell ref="A7:C7"/>
    <mergeCell ref="D7:E7"/>
    <mergeCell ref="F7:G7"/>
    <mergeCell ref="D8:E8"/>
    <mergeCell ref="F8:G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zoomScaleNormal="100" workbookViewId="0">
      <selection activeCell="E5" sqref="E5"/>
    </sheetView>
  </sheetViews>
  <sheetFormatPr defaultRowHeight="11.25"/>
  <cols>
    <col min="1" max="1" width="12" style="218" customWidth="1"/>
    <col min="2" max="2" width="14.625" style="218" customWidth="1"/>
    <col min="3" max="3" width="18.75" style="218" customWidth="1"/>
    <col min="4" max="4" width="15.125" style="218" customWidth="1"/>
    <col min="5" max="5" width="21.25" style="266" customWidth="1"/>
    <col min="6" max="6" width="25.875" style="218" customWidth="1"/>
    <col min="7" max="16384" width="9" style="218"/>
  </cols>
  <sheetData>
    <row r="1" spans="1:6" ht="12.75" customHeight="1">
      <c r="A1" s="267" t="s">
        <v>478</v>
      </c>
    </row>
    <row r="2" spans="1:6">
      <c r="A2" s="217" t="s">
        <v>392</v>
      </c>
      <c r="B2" s="217"/>
      <c r="C2" s="217"/>
      <c r="D2" s="217"/>
      <c r="E2" s="217"/>
    </row>
    <row r="3" spans="1:6" ht="12" thickBot="1">
      <c r="B3" s="269" t="s">
        <v>489</v>
      </c>
      <c r="C3" s="219"/>
      <c r="E3" s="218"/>
      <c r="F3" s="220" t="s">
        <v>393</v>
      </c>
    </row>
    <row r="4" spans="1:6" ht="12" thickBot="1">
      <c r="A4" s="561" t="s">
        <v>394</v>
      </c>
      <c r="B4" s="562"/>
      <c r="C4" s="562"/>
      <c r="D4" s="562"/>
      <c r="E4" s="221" t="s">
        <v>490</v>
      </c>
      <c r="F4" s="222" t="s">
        <v>395</v>
      </c>
    </row>
    <row r="5" spans="1:6" ht="14.1" customHeight="1" thickTop="1">
      <c r="A5" s="563" t="s">
        <v>396</v>
      </c>
      <c r="B5" s="223" t="s">
        <v>397</v>
      </c>
      <c r="C5" s="224" t="s">
        <v>398</v>
      </c>
      <c r="D5" s="225" t="s">
        <v>398</v>
      </c>
      <c r="E5" s="226"/>
      <c r="F5" s="227"/>
    </row>
    <row r="6" spans="1:6" ht="14.1" customHeight="1">
      <c r="A6" s="563"/>
      <c r="B6" s="224"/>
      <c r="C6" s="228" t="s">
        <v>399</v>
      </c>
      <c r="D6" s="225" t="s">
        <v>400</v>
      </c>
      <c r="E6" s="226"/>
      <c r="F6" s="229" t="s">
        <v>401</v>
      </c>
    </row>
    <row r="7" spans="1:6" ht="14.1" customHeight="1">
      <c r="A7" s="564"/>
      <c r="B7" s="224"/>
      <c r="C7" s="230" t="s">
        <v>402</v>
      </c>
      <c r="D7" s="231"/>
      <c r="E7" s="232"/>
      <c r="F7" s="233"/>
    </row>
    <row r="8" spans="1:6" ht="14.1" customHeight="1">
      <c r="A8" s="564"/>
      <c r="B8" s="224"/>
      <c r="C8" s="224" t="s">
        <v>403</v>
      </c>
      <c r="D8" s="225" t="s">
        <v>404</v>
      </c>
      <c r="E8" s="232"/>
      <c r="F8" s="233" t="s">
        <v>405</v>
      </c>
    </row>
    <row r="9" spans="1:6" ht="14.1" customHeight="1">
      <c r="A9" s="564"/>
      <c r="B9" s="224"/>
      <c r="C9" s="234"/>
      <c r="D9" s="225" t="s">
        <v>406</v>
      </c>
      <c r="E9" s="232"/>
      <c r="F9" s="233" t="s">
        <v>407</v>
      </c>
    </row>
    <row r="10" spans="1:6" ht="14.1" customHeight="1">
      <c r="A10" s="564"/>
      <c r="B10" s="224"/>
      <c r="C10" s="230" t="s">
        <v>408</v>
      </c>
      <c r="D10" s="231"/>
      <c r="E10" s="232"/>
      <c r="F10" s="233"/>
    </row>
    <row r="11" spans="1:6" ht="14.1" customHeight="1">
      <c r="A11" s="564"/>
      <c r="B11" s="224"/>
      <c r="C11" s="224" t="s">
        <v>409</v>
      </c>
      <c r="D11" s="225" t="s">
        <v>410</v>
      </c>
      <c r="E11" s="232"/>
      <c r="F11" s="233" t="s">
        <v>411</v>
      </c>
    </row>
    <row r="12" spans="1:6" ht="14.1" customHeight="1">
      <c r="A12" s="564"/>
      <c r="B12" s="224"/>
      <c r="C12" s="224"/>
      <c r="D12" s="235" t="s">
        <v>412</v>
      </c>
      <c r="E12" s="232"/>
      <c r="F12" s="233"/>
    </row>
    <row r="13" spans="1:6" ht="14.1" customHeight="1">
      <c r="A13" s="564"/>
      <c r="B13" s="234"/>
      <c r="C13" s="234"/>
      <c r="D13" s="235" t="s">
        <v>413</v>
      </c>
      <c r="E13" s="232"/>
      <c r="F13" s="233"/>
    </row>
    <row r="14" spans="1:6" ht="14.1" customHeight="1">
      <c r="A14" s="564"/>
      <c r="B14" s="236" t="s">
        <v>414</v>
      </c>
      <c r="C14" s="237"/>
      <c r="D14" s="238"/>
      <c r="E14" s="232"/>
      <c r="F14" s="233"/>
    </row>
    <row r="15" spans="1:6" ht="14.1" customHeight="1">
      <c r="A15" s="564"/>
      <c r="B15" s="236" t="s">
        <v>415</v>
      </c>
      <c r="C15" s="237"/>
      <c r="D15" s="238"/>
      <c r="E15" s="232"/>
      <c r="F15" s="233"/>
    </row>
    <row r="16" spans="1:6" ht="14.1" customHeight="1">
      <c r="A16" s="564"/>
      <c r="B16" s="239" t="s">
        <v>416</v>
      </c>
      <c r="C16" s="240" t="s">
        <v>417</v>
      </c>
      <c r="D16" s="238"/>
      <c r="E16" s="232"/>
      <c r="F16" s="233" t="s">
        <v>418</v>
      </c>
    </row>
    <row r="17" spans="1:6" ht="14.1" customHeight="1">
      <c r="A17" s="564"/>
      <c r="B17" s="539" t="s">
        <v>419</v>
      </c>
      <c r="C17" s="540"/>
      <c r="D17" s="541"/>
      <c r="E17" s="241">
        <f>SUM(E5:E16)</f>
        <v>0</v>
      </c>
      <c r="F17" s="233"/>
    </row>
    <row r="18" spans="1:6" ht="14.1" customHeight="1">
      <c r="A18" s="564" t="s">
        <v>420</v>
      </c>
      <c r="B18" s="242" t="s">
        <v>421</v>
      </c>
      <c r="C18" s="240" t="s">
        <v>422</v>
      </c>
      <c r="D18" s="238"/>
      <c r="E18" s="232"/>
      <c r="F18" s="233"/>
    </row>
    <row r="19" spans="1:6" ht="14.1" customHeight="1">
      <c r="A19" s="564"/>
      <c r="B19" s="243"/>
      <c r="C19" s="240" t="s">
        <v>423</v>
      </c>
      <c r="D19" s="238"/>
      <c r="E19" s="232"/>
      <c r="F19" s="233" t="s">
        <v>424</v>
      </c>
    </row>
    <row r="20" spans="1:6" ht="14.1" customHeight="1">
      <c r="A20" s="564"/>
      <c r="B20" s="243"/>
      <c r="C20" s="240" t="s">
        <v>425</v>
      </c>
      <c r="D20" s="238"/>
      <c r="E20" s="232"/>
      <c r="F20" s="233"/>
    </row>
    <row r="21" spans="1:6" ht="14.1" customHeight="1">
      <c r="A21" s="564"/>
      <c r="B21" s="243"/>
      <c r="C21" s="240" t="s">
        <v>426</v>
      </c>
      <c r="D21" s="238"/>
      <c r="E21" s="232"/>
      <c r="F21" s="233"/>
    </row>
    <row r="22" spans="1:6" ht="14.1" customHeight="1">
      <c r="A22" s="564"/>
      <c r="B22" s="243"/>
      <c r="C22" s="240" t="s">
        <v>427</v>
      </c>
      <c r="D22" s="238"/>
      <c r="E22" s="232"/>
      <c r="F22" s="233"/>
    </row>
    <row r="23" spans="1:6" ht="14.1" customHeight="1">
      <c r="A23" s="564"/>
      <c r="B23" s="243"/>
      <c r="C23" s="240" t="s">
        <v>428</v>
      </c>
      <c r="D23" s="238"/>
      <c r="E23" s="232"/>
      <c r="F23" s="233"/>
    </row>
    <row r="24" spans="1:6" ht="14.1" customHeight="1">
      <c r="A24" s="564"/>
      <c r="B24" s="244"/>
      <c r="C24" s="539" t="s">
        <v>429</v>
      </c>
      <c r="D24" s="566"/>
      <c r="E24" s="241">
        <f>SUM(E18:E23)</f>
        <v>0</v>
      </c>
      <c r="F24" s="233"/>
    </row>
    <row r="25" spans="1:6" ht="14.1" customHeight="1">
      <c r="A25" s="564"/>
      <c r="B25" s="242" t="s">
        <v>430</v>
      </c>
      <c r="C25" s="240" t="s">
        <v>431</v>
      </c>
      <c r="D25" s="238"/>
      <c r="E25" s="232"/>
      <c r="F25" s="233"/>
    </row>
    <row r="26" spans="1:6" ht="14.1" customHeight="1">
      <c r="A26" s="564"/>
      <c r="B26" s="243"/>
      <c r="C26" s="240" t="s">
        <v>432</v>
      </c>
      <c r="D26" s="238"/>
      <c r="E26" s="232"/>
      <c r="F26" s="233"/>
    </row>
    <row r="27" spans="1:6" ht="14.1" customHeight="1">
      <c r="A27" s="564"/>
      <c r="B27" s="243"/>
      <c r="C27" s="240" t="s">
        <v>433</v>
      </c>
      <c r="D27" s="238"/>
      <c r="E27" s="232"/>
      <c r="F27" s="233"/>
    </row>
    <row r="28" spans="1:6" ht="14.1" customHeight="1">
      <c r="A28" s="564"/>
      <c r="B28" s="243"/>
      <c r="C28" s="240" t="s">
        <v>434</v>
      </c>
      <c r="D28" s="238"/>
      <c r="E28" s="232"/>
      <c r="F28" s="233"/>
    </row>
    <row r="29" spans="1:6" ht="14.1" customHeight="1">
      <c r="A29" s="564"/>
      <c r="B29" s="243"/>
      <c r="C29" s="240" t="s">
        <v>435</v>
      </c>
      <c r="D29" s="238"/>
      <c r="E29" s="232"/>
      <c r="F29" s="233"/>
    </row>
    <row r="30" spans="1:6" ht="14.1" customHeight="1">
      <c r="A30" s="564"/>
      <c r="B30" s="243"/>
      <c r="C30" s="240" t="s">
        <v>436</v>
      </c>
      <c r="D30" s="238"/>
      <c r="E30" s="232"/>
      <c r="F30" s="233"/>
    </row>
    <row r="31" spans="1:6" ht="14.1" customHeight="1">
      <c r="A31" s="564"/>
      <c r="B31" s="243"/>
      <c r="C31" s="240" t="s">
        <v>437</v>
      </c>
      <c r="D31" s="238"/>
      <c r="E31" s="232"/>
      <c r="F31" s="233"/>
    </row>
    <row r="32" spans="1:6" ht="14.1" customHeight="1">
      <c r="A32" s="564"/>
      <c r="B32" s="243"/>
      <c r="C32" s="240" t="s">
        <v>438</v>
      </c>
      <c r="D32" s="238"/>
      <c r="E32" s="245"/>
      <c r="F32" s="233"/>
    </row>
    <row r="33" spans="1:6" ht="14.1" customHeight="1">
      <c r="A33" s="564"/>
      <c r="B33" s="244"/>
      <c r="C33" s="539" t="s">
        <v>439</v>
      </c>
      <c r="D33" s="566"/>
      <c r="E33" s="241">
        <f>SUM(E25:E32)</f>
        <v>0</v>
      </c>
      <c r="F33" s="233"/>
    </row>
    <row r="34" spans="1:6" ht="14.1" customHeight="1">
      <c r="A34" s="564"/>
      <c r="B34" s="242" t="s">
        <v>440</v>
      </c>
      <c r="C34" s="246" t="s">
        <v>441</v>
      </c>
      <c r="D34" s="247"/>
      <c r="E34" s="232"/>
      <c r="F34" s="233"/>
    </row>
    <row r="35" spans="1:6" ht="14.1" customHeight="1">
      <c r="A35" s="564"/>
      <c r="B35" s="243"/>
      <c r="C35" s="246" t="s">
        <v>442</v>
      </c>
      <c r="D35" s="247"/>
      <c r="E35" s="232"/>
      <c r="F35" s="233"/>
    </row>
    <row r="36" spans="1:6" ht="14.1" customHeight="1">
      <c r="A36" s="564"/>
      <c r="B36" s="243"/>
      <c r="C36" s="246" t="s">
        <v>443</v>
      </c>
      <c r="D36" s="247"/>
      <c r="E36" s="232"/>
      <c r="F36" s="233"/>
    </row>
    <row r="37" spans="1:6" ht="14.1" customHeight="1">
      <c r="A37" s="564"/>
      <c r="B37" s="243"/>
      <c r="C37" s="246" t="s">
        <v>444</v>
      </c>
      <c r="D37" s="247"/>
      <c r="E37" s="245"/>
      <c r="F37" s="233"/>
    </row>
    <row r="38" spans="1:6" ht="14.1" customHeight="1">
      <c r="A38" s="564"/>
      <c r="B38" s="243"/>
      <c r="C38" s="246" t="s">
        <v>445</v>
      </c>
      <c r="D38" s="247"/>
      <c r="E38" s="245"/>
      <c r="F38" s="233"/>
    </row>
    <row r="39" spans="1:6" ht="14.1" customHeight="1">
      <c r="A39" s="564"/>
      <c r="B39" s="243"/>
      <c r="C39" s="246" t="s">
        <v>446</v>
      </c>
      <c r="D39" s="247"/>
      <c r="E39" s="232"/>
      <c r="F39" s="233"/>
    </row>
    <row r="40" spans="1:6" ht="14.1" customHeight="1">
      <c r="A40" s="564"/>
      <c r="B40" s="243"/>
      <c r="C40" s="246" t="s">
        <v>447</v>
      </c>
      <c r="D40" s="247"/>
      <c r="E40" s="232"/>
      <c r="F40" s="233"/>
    </row>
    <row r="41" spans="1:6" ht="14.1" customHeight="1">
      <c r="A41" s="564"/>
      <c r="B41" s="243"/>
      <c r="C41" s="246" t="s">
        <v>448</v>
      </c>
      <c r="D41" s="247"/>
      <c r="E41" s="232"/>
      <c r="F41" s="233"/>
    </row>
    <row r="42" spans="1:6" ht="14.1" customHeight="1">
      <c r="A42" s="564"/>
      <c r="B42" s="243"/>
      <c r="C42" s="246" t="s">
        <v>449</v>
      </c>
      <c r="D42" s="247"/>
      <c r="E42" s="232"/>
      <c r="F42" s="233"/>
    </row>
    <row r="43" spans="1:6" ht="14.1" customHeight="1">
      <c r="A43" s="564"/>
      <c r="B43" s="243"/>
      <c r="C43" s="246" t="s">
        <v>450</v>
      </c>
      <c r="D43" s="247"/>
      <c r="E43" s="232"/>
      <c r="F43" s="233"/>
    </row>
    <row r="44" spans="1:6" ht="14.1" customHeight="1">
      <c r="A44" s="564"/>
      <c r="B44" s="243"/>
      <c r="C44" s="246" t="s">
        <v>436</v>
      </c>
      <c r="D44" s="247"/>
      <c r="E44" s="232"/>
      <c r="F44" s="233"/>
    </row>
    <row r="45" spans="1:6" ht="14.1" customHeight="1">
      <c r="A45" s="564"/>
      <c r="B45" s="243"/>
      <c r="C45" s="246" t="s">
        <v>437</v>
      </c>
      <c r="D45" s="247"/>
      <c r="E45" s="232"/>
      <c r="F45" s="233"/>
    </row>
    <row r="46" spans="1:6" ht="14.1" customHeight="1">
      <c r="A46" s="564"/>
      <c r="B46" s="243"/>
      <c r="C46" s="246" t="s">
        <v>451</v>
      </c>
      <c r="D46" s="247"/>
      <c r="E46" s="232"/>
      <c r="F46" s="233"/>
    </row>
    <row r="47" spans="1:6" ht="14.1" customHeight="1">
      <c r="A47" s="564"/>
      <c r="B47" s="243"/>
      <c r="C47" s="246" t="s">
        <v>438</v>
      </c>
      <c r="D47" s="247"/>
      <c r="E47" s="245"/>
      <c r="F47" s="233"/>
    </row>
    <row r="48" spans="1:6" ht="14.1" customHeight="1">
      <c r="A48" s="564"/>
      <c r="B48" s="244"/>
      <c r="C48" s="539" t="s">
        <v>452</v>
      </c>
      <c r="D48" s="566"/>
      <c r="E48" s="241">
        <f>SUM(E34:E47)</f>
        <v>0</v>
      </c>
      <c r="F48" s="233"/>
    </row>
    <row r="49" spans="1:6" ht="14.1" customHeight="1">
      <c r="A49" s="564"/>
      <c r="B49" s="239" t="s">
        <v>453</v>
      </c>
      <c r="C49" s="240" t="s">
        <v>454</v>
      </c>
      <c r="D49" s="238"/>
      <c r="E49" s="232"/>
      <c r="F49" s="233"/>
    </row>
    <row r="50" spans="1:6" ht="14.1" customHeight="1">
      <c r="A50" s="564"/>
      <c r="B50" s="242" t="s">
        <v>455</v>
      </c>
      <c r="C50" s="240" t="s">
        <v>456</v>
      </c>
      <c r="D50" s="238"/>
      <c r="E50" s="245"/>
      <c r="F50" s="233"/>
    </row>
    <row r="51" spans="1:6" ht="14.1" customHeight="1">
      <c r="A51" s="565"/>
      <c r="B51" s="244"/>
      <c r="C51" s="240" t="s">
        <v>438</v>
      </c>
      <c r="D51" s="238"/>
      <c r="E51" s="248"/>
      <c r="F51" s="233"/>
    </row>
    <row r="52" spans="1:6" ht="14.1" customHeight="1" thickBot="1">
      <c r="A52" s="565"/>
      <c r="B52" s="544" t="s">
        <v>457</v>
      </c>
      <c r="C52" s="545"/>
      <c r="D52" s="546"/>
      <c r="E52" s="249">
        <f t="shared" ref="E52" si="0">E24+E33+E48+E49+E50+E51</f>
        <v>0</v>
      </c>
      <c r="F52" s="233"/>
    </row>
    <row r="53" spans="1:6" ht="14.1" customHeight="1" thickBot="1">
      <c r="A53" s="559" t="s">
        <v>458</v>
      </c>
      <c r="B53" s="549"/>
      <c r="C53" s="549"/>
      <c r="D53" s="560"/>
      <c r="E53" s="250">
        <f>E17-E52</f>
        <v>0</v>
      </c>
      <c r="F53" s="233"/>
    </row>
    <row r="54" spans="1:6" ht="14.1" customHeight="1">
      <c r="A54" s="567" t="s">
        <v>459</v>
      </c>
      <c r="B54" s="244" t="s">
        <v>460</v>
      </c>
      <c r="C54" s="244"/>
      <c r="D54" s="251"/>
      <c r="E54" s="226"/>
      <c r="F54" s="233"/>
    </row>
    <row r="55" spans="1:6" ht="14.1" customHeight="1">
      <c r="A55" s="568"/>
      <c r="B55" s="244" t="s">
        <v>461</v>
      </c>
      <c r="C55" s="244"/>
      <c r="D55" s="251"/>
      <c r="E55" s="226"/>
      <c r="F55" s="233"/>
    </row>
    <row r="56" spans="1:6" ht="14.1" customHeight="1">
      <c r="A56" s="568"/>
      <c r="B56" s="244" t="s">
        <v>462</v>
      </c>
      <c r="C56" s="244"/>
      <c r="D56" s="251"/>
      <c r="E56" s="226"/>
      <c r="F56" s="233"/>
    </row>
    <row r="57" spans="1:6" ht="14.1" customHeight="1">
      <c r="A57" s="569"/>
      <c r="B57" s="539" t="s">
        <v>463</v>
      </c>
      <c r="C57" s="540"/>
      <c r="D57" s="541"/>
      <c r="E57" s="252">
        <f>SUM(E54:E56)</f>
        <v>0</v>
      </c>
      <c r="F57" s="233"/>
    </row>
    <row r="58" spans="1:6" ht="14.1" customHeight="1">
      <c r="A58" s="570" t="s">
        <v>464</v>
      </c>
      <c r="B58" s="253" t="s">
        <v>465</v>
      </c>
      <c r="C58" s="253"/>
      <c r="D58" s="254"/>
      <c r="E58" s="232"/>
      <c r="F58" s="233"/>
    </row>
    <row r="59" spans="1:6" ht="14.1" customHeight="1">
      <c r="A59" s="568"/>
      <c r="B59" s="242" t="s">
        <v>466</v>
      </c>
      <c r="C59" s="242"/>
      <c r="D59" s="255"/>
      <c r="E59" s="256"/>
      <c r="F59" s="233"/>
    </row>
    <row r="60" spans="1:6" ht="14.1" customHeight="1" thickBot="1">
      <c r="A60" s="571"/>
      <c r="B60" s="544" t="s">
        <v>467</v>
      </c>
      <c r="C60" s="545"/>
      <c r="D60" s="546"/>
      <c r="E60" s="257">
        <f>SUM(E59:E59)</f>
        <v>0</v>
      </c>
      <c r="F60" s="233"/>
    </row>
    <row r="61" spans="1:6" ht="14.1" customHeight="1" thickBot="1">
      <c r="A61" s="550" t="s">
        <v>468</v>
      </c>
      <c r="B61" s="551"/>
      <c r="C61" s="551"/>
      <c r="D61" s="552"/>
      <c r="E61" s="258">
        <f>E57-E60</f>
        <v>0</v>
      </c>
      <c r="F61" s="233"/>
    </row>
    <row r="62" spans="1:6" ht="14.1" customHeight="1">
      <c r="A62" s="572" t="s">
        <v>469</v>
      </c>
      <c r="B62" s="259"/>
      <c r="C62" s="259"/>
      <c r="D62" s="259"/>
      <c r="E62" s="260"/>
      <c r="F62" s="233"/>
    </row>
    <row r="63" spans="1:6" ht="14.1" customHeight="1">
      <c r="A63" s="573"/>
      <c r="B63" s="539" t="s">
        <v>470</v>
      </c>
      <c r="C63" s="540"/>
      <c r="D63" s="541"/>
      <c r="E63" s="252">
        <f>E62</f>
        <v>0</v>
      </c>
      <c r="F63" s="233"/>
    </row>
    <row r="64" spans="1:6" ht="14.1" customHeight="1">
      <c r="A64" s="542" t="s">
        <v>471</v>
      </c>
      <c r="B64" s="261" t="s">
        <v>472</v>
      </c>
      <c r="C64" s="261"/>
      <c r="D64" s="261"/>
      <c r="E64" s="262"/>
      <c r="F64" s="233"/>
    </row>
    <row r="65" spans="1:6" ht="14.1" customHeight="1" thickBot="1">
      <c r="A65" s="543"/>
      <c r="B65" s="544" t="s">
        <v>473</v>
      </c>
      <c r="C65" s="545"/>
      <c r="D65" s="546"/>
      <c r="E65" s="257">
        <f>E64</f>
        <v>0</v>
      </c>
      <c r="F65" s="233"/>
    </row>
    <row r="66" spans="1:6" ht="14.1" customHeight="1" thickBot="1">
      <c r="A66" s="547" t="s">
        <v>474</v>
      </c>
      <c r="B66" s="548"/>
      <c r="C66" s="548"/>
      <c r="D66" s="549"/>
      <c r="E66" s="250">
        <f t="shared" ref="E66" si="1">E63-E65</f>
        <v>0</v>
      </c>
      <c r="F66" s="233"/>
    </row>
    <row r="67" spans="1:6" ht="14.1" customHeight="1" thickBot="1">
      <c r="A67" s="553" t="s">
        <v>475</v>
      </c>
      <c r="B67" s="554"/>
      <c r="C67" s="554"/>
      <c r="D67" s="555"/>
      <c r="E67" s="263"/>
      <c r="F67" s="233"/>
    </row>
    <row r="68" spans="1:6" ht="14.1" customHeight="1" thickBot="1">
      <c r="A68" s="556" t="s">
        <v>476</v>
      </c>
      <c r="B68" s="557"/>
      <c r="C68" s="557"/>
      <c r="D68" s="558"/>
      <c r="E68" s="264">
        <f>E53+E61+E66-E67</f>
        <v>0</v>
      </c>
      <c r="F68" s="233"/>
    </row>
    <row r="69" spans="1:6" ht="14.1" customHeight="1" thickBot="1">
      <c r="A69" s="559" t="s">
        <v>477</v>
      </c>
      <c r="B69" s="560"/>
      <c r="C69" s="560"/>
      <c r="D69" s="560"/>
      <c r="E69" s="250">
        <f>E68</f>
        <v>0</v>
      </c>
      <c r="F69" s="265"/>
    </row>
  </sheetData>
  <mergeCells count="22">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 ref="B63:D63"/>
    <mergeCell ref="A64:A65"/>
    <mergeCell ref="B65:D65"/>
    <mergeCell ref="A66:D66"/>
    <mergeCell ref="B60:D60"/>
    <mergeCell ref="A61:D61"/>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workbookViewId="0">
      <selection activeCell="D11" sqref="D11"/>
    </sheetView>
  </sheetViews>
  <sheetFormatPr defaultRowHeight="13.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c r="A1" s="1" t="s">
        <v>297</v>
      </c>
    </row>
    <row r="2" spans="1:10" ht="21" customHeight="1">
      <c r="A2" s="272" t="s">
        <v>299</v>
      </c>
      <c r="B2" s="272"/>
      <c r="C2" s="272"/>
      <c r="D2" s="272"/>
      <c r="E2" s="272"/>
      <c r="F2" s="272"/>
      <c r="G2" s="272"/>
      <c r="H2" s="272"/>
      <c r="I2" s="272"/>
      <c r="J2" s="272"/>
    </row>
    <row r="4" spans="1:10" ht="18" customHeight="1" thickBot="1">
      <c r="A4" s="574" t="s">
        <v>300</v>
      </c>
      <c r="B4" s="574"/>
      <c r="C4" s="4" t="s">
        <v>301</v>
      </c>
    </row>
    <row r="5" spans="1:10" ht="18" customHeight="1">
      <c r="A5" s="575" t="s">
        <v>302</v>
      </c>
      <c r="B5" s="577" t="s">
        <v>303</v>
      </c>
      <c r="C5" s="578"/>
      <c r="D5" s="579"/>
      <c r="E5" s="577" t="s">
        <v>304</v>
      </c>
      <c r="F5" s="578"/>
      <c r="G5" s="578"/>
      <c r="H5" s="579"/>
      <c r="I5" s="580" t="s">
        <v>305</v>
      </c>
      <c r="J5" s="581" t="s">
        <v>306</v>
      </c>
    </row>
    <row r="6" spans="1:10" ht="18" customHeight="1">
      <c r="A6" s="576"/>
      <c r="B6" s="179" t="s">
        <v>287</v>
      </c>
      <c r="C6" s="180" t="s">
        <v>288</v>
      </c>
      <c r="D6" s="56" t="s">
        <v>113</v>
      </c>
      <c r="E6" s="179" t="s">
        <v>287</v>
      </c>
      <c r="F6" s="180" t="s">
        <v>307</v>
      </c>
      <c r="G6" s="56" t="s">
        <v>113</v>
      </c>
      <c r="H6" s="56" t="s">
        <v>308</v>
      </c>
      <c r="I6" s="464"/>
      <c r="J6" s="582"/>
    </row>
    <row r="7" spans="1:10" ht="18" customHeight="1">
      <c r="A7" s="181">
        <v>1</v>
      </c>
      <c r="B7" s="182"/>
      <c r="C7" s="183"/>
      <c r="D7" s="178"/>
      <c r="E7" s="182"/>
      <c r="F7" s="183"/>
      <c r="G7" s="178"/>
      <c r="H7" s="178"/>
      <c r="I7" s="178"/>
      <c r="J7" s="184"/>
    </row>
    <row r="8" spans="1:10" ht="18" customHeight="1">
      <c r="A8" s="181">
        <v>2</v>
      </c>
      <c r="B8" s="182"/>
      <c r="C8" s="183"/>
      <c r="D8" s="178"/>
      <c r="E8" s="182"/>
      <c r="F8" s="183"/>
      <c r="G8" s="178"/>
      <c r="H8" s="178"/>
      <c r="I8" s="178"/>
      <c r="J8" s="184"/>
    </row>
    <row r="9" spans="1:10" ht="18" customHeight="1">
      <c r="A9" s="181">
        <v>3</v>
      </c>
      <c r="B9" s="182"/>
      <c r="C9" s="183"/>
      <c r="D9" s="178"/>
      <c r="E9" s="182"/>
      <c r="F9" s="183"/>
      <c r="G9" s="178"/>
      <c r="H9" s="178"/>
      <c r="I9" s="178"/>
      <c r="J9" s="184"/>
    </row>
    <row r="10" spans="1:10" ht="18" customHeight="1">
      <c r="A10" s="181">
        <v>4</v>
      </c>
      <c r="B10" s="182"/>
      <c r="C10" s="183"/>
      <c r="D10" s="178"/>
      <c r="E10" s="182"/>
      <c r="F10" s="183"/>
      <c r="G10" s="178"/>
      <c r="H10" s="178"/>
      <c r="I10" s="178"/>
      <c r="J10" s="184"/>
    </row>
    <row r="11" spans="1:10" ht="18" customHeight="1">
      <c r="A11" s="181">
        <v>5</v>
      </c>
      <c r="B11" s="182"/>
      <c r="C11" s="183"/>
      <c r="D11" s="178"/>
      <c r="E11" s="182"/>
      <c r="F11" s="183"/>
      <c r="G11" s="178"/>
      <c r="H11" s="178"/>
      <c r="I11" s="178"/>
      <c r="J11" s="184"/>
    </row>
    <row r="12" spans="1:10" ht="18" customHeight="1">
      <c r="A12" s="181">
        <v>6</v>
      </c>
      <c r="B12" s="182"/>
      <c r="C12" s="183"/>
      <c r="D12" s="178"/>
      <c r="E12" s="182"/>
      <c r="F12" s="183"/>
      <c r="G12" s="178"/>
      <c r="H12" s="178"/>
      <c r="I12" s="178"/>
      <c r="J12" s="184"/>
    </row>
    <row r="13" spans="1:10" ht="18" customHeight="1">
      <c r="A13" s="181">
        <v>7</v>
      </c>
      <c r="B13" s="182"/>
      <c r="C13" s="183"/>
      <c r="D13" s="178"/>
      <c r="E13" s="182"/>
      <c r="F13" s="183"/>
      <c r="G13" s="178"/>
      <c r="H13" s="178"/>
      <c r="I13" s="178"/>
      <c r="J13" s="184"/>
    </row>
    <row r="14" spans="1:10" ht="18" customHeight="1">
      <c r="A14" s="181">
        <v>8</v>
      </c>
      <c r="B14" s="182"/>
      <c r="C14" s="183"/>
      <c r="D14" s="178"/>
      <c r="E14" s="182"/>
      <c r="F14" s="183"/>
      <c r="G14" s="178"/>
      <c r="H14" s="178"/>
      <c r="I14" s="178"/>
      <c r="J14" s="184"/>
    </row>
    <row r="15" spans="1:10" ht="18" customHeight="1">
      <c r="A15" s="181">
        <v>9</v>
      </c>
      <c r="B15" s="182"/>
      <c r="C15" s="183"/>
      <c r="D15" s="178"/>
      <c r="E15" s="182"/>
      <c r="F15" s="183"/>
      <c r="G15" s="178"/>
      <c r="H15" s="178"/>
      <c r="I15" s="178"/>
      <c r="J15" s="184"/>
    </row>
    <row r="16" spans="1:10" ht="18" customHeight="1">
      <c r="A16" s="181">
        <v>10</v>
      </c>
      <c r="B16" s="182"/>
      <c r="C16" s="183"/>
      <c r="D16" s="178"/>
      <c r="E16" s="182"/>
      <c r="F16" s="183"/>
      <c r="G16" s="178"/>
      <c r="H16" s="178"/>
      <c r="I16" s="178"/>
      <c r="J16" s="184"/>
    </row>
    <row r="17" spans="1:10" ht="18" customHeight="1">
      <c r="A17" s="181">
        <v>11</v>
      </c>
      <c r="B17" s="182"/>
      <c r="C17" s="183"/>
      <c r="D17" s="178"/>
      <c r="E17" s="182"/>
      <c r="F17" s="183"/>
      <c r="G17" s="178"/>
      <c r="H17" s="178"/>
      <c r="I17" s="178"/>
      <c r="J17" s="184"/>
    </row>
    <row r="18" spans="1:10" ht="18" customHeight="1">
      <c r="A18" s="181">
        <v>12</v>
      </c>
      <c r="B18" s="182"/>
      <c r="C18" s="183"/>
      <c r="D18" s="178"/>
      <c r="E18" s="182"/>
      <c r="F18" s="183"/>
      <c r="G18" s="178"/>
      <c r="H18" s="178"/>
      <c r="I18" s="178"/>
      <c r="J18" s="184"/>
    </row>
    <row r="19" spans="1:10" ht="18" customHeight="1">
      <c r="A19" s="181">
        <v>13</v>
      </c>
      <c r="B19" s="182"/>
      <c r="C19" s="183"/>
      <c r="D19" s="178"/>
      <c r="E19" s="182"/>
      <c r="F19" s="183"/>
      <c r="G19" s="178"/>
      <c r="H19" s="178"/>
      <c r="I19" s="178"/>
      <c r="J19" s="184"/>
    </row>
    <row r="20" spans="1:10" ht="18" customHeight="1">
      <c r="A20" s="181">
        <v>14</v>
      </c>
      <c r="B20" s="182"/>
      <c r="C20" s="183"/>
      <c r="D20" s="178"/>
      <c r="E20" s="182"/>
      <c r="F20" s="183"/>
      <c r="G20" s="178"/>
      <c r="H20" s="178"/>
      <c r="I20" s="178"/>
      <c r="J20" s="184"/>
    </row>
    <row r="21" spans="1:10" ht="18" customHeight="1">
      <c r="A21" s="181">
        <v>15</v>
      </c>
      <c r="B21" s="182"/>
      <c r="C21" s="183"/>
      <c r="D21" s="178"/>
      <c r="E21" s="182"/>
      <c r="F21" s="183"/>
      <c r="G21" s="178"/>
      <c r="H21" s="178"/>
      <c r="I21" s="178"/>
      <c r="J21" s="184"/>
    </row>
    <row r="22" spans="1:10" ht="18" customHeight="1">
      <c r="A22" s="181">
        <v>16</v>
      </c>
      <c r="B22" s="182"/>
      <c r="C22" s="183"/>
      <c r="D22" s="178"/>
      <c r="E22" s="182"/>
      <c r="F22" s="183"/>
      <c r="G22" s="178"/>
      <c r="H22" s="178"/>
      <c r="I22" s="178"/>
      <c r="J22" s="184"/>
    </row>
    <row r="23" spans="1:10" ht="18" customHeight="1">
      <c r="A23" s="181">
        <v>17</v>
      </c>
      <c r="B23" s="182"/>
      <c r="C23" s="183"/>
      <c r="D23" s="178"/>
      <c r="E23" s="182"/>
      <c r="F23" s="183"/>
      <c r="G23" s="178"/>
      <c r="H23" s="178"/>
      <c r="I23" s="178"/>
      <c r="J23" s="184"/>
    </row>
    <row r="24" spans="1:10" ht="18" customHeight="1">
      <c r="A24" s="181">
        <v>18</v>
      </c>
      <c r="B24" s="182"/>
      <c r="C24" s="183"/>
      <c r="D24" s="178"/>
      <c r="E24" s="182"/>
      <c r="F24" s="183"/>
      <c r="G24" s="178"/>
      <c r="H24" s="178"/>
      <c r="I24" s="178"/>
      <c r="J24" s="184"/>
    </row>
    <row r="25" spans="1:10" ht="18" customHeight="1">
      <c r="A25" s="181">
        <v>19</v>
      </c>
      <c r="B25" s="182"/>
      <c r="C25" s="183"/>
      <c r="D25" s="178"/>
      <c r="E25" s="182"/>
      <c r="F25" s="183"/>
      <c r="G25" s="178"/>
      <c r="H25" s="178"/>
      <c r="I25" s="178"/>
      <c r="J25" s="184"/>
    </row>
    <row r="26" spans="1:10" ht="18" customHeight="1" thickBot="1">
      <c r="A26" s="185">
        <v>20</v>
      </c>
      <c r="B26" s="186"/>
      <c r="C26" s="187"/>
      <c r="D26" s="188"/>
      <c r="E26" s="186"/>
      <c r="F26" s="187"/>
      <c r="G26" s="188"/>
      <c r="H26" s="188"/>
      <c r="I26" s="188"/>
      <c r="J26" s="189"/>
    </row>
    <row r="27" spans="1:10" ht="18" customHeight="1" thickTop="1" thickBot="1">
      <c r="A27" s="190" t="s">
        <v>116</v>
      </c>
      <c r="B27" s="191"/>
      <c r="C27" s="192"/>
      <c r="D27" s="193"/>
      <c r="E27" s="191"/>
      <c r="F27" s="192"/>
      <c r="G27" s="193"/>
      <c r="H27" s="193"/>
      <c r="I27" s="193"/>
      <c r="J27" s="194"/>
    </row>
    <row r="28" spans="1:10" ht="18" customHeight="1">
      <c r="A28" s="4" t="s">
        <v>309</v>
      </c>
    </row>
    <row r="29" spans="1:10" ht="18" customHeight="1"/>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zoomScaleNormal="100" zoomScaleSheetLayoutView="100" workbookViewId="0">
      <selection activeCell="A21" sqref="A21:H21"/>
    </sheetView>
  </sheetViews>
  <sheetFormatPr defaultRowHeight="13.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c r="A1" s="1" t="s">
        <v>298</v>
      </c>
    </row>
    <row r="2" spans="1:8" ht="21" customHeight="1">
      <c r="A2" s="411" t="s">
        <v>310</v>
      </c>
      <c r="B2" s="411"/>
      <c r="C2" s="411"/>
      <c r="D2" s="411"/>
      <c r="E2" s="411"/>
      <c r="F2" s="411"/>
      <c r="G2" s="411"/>
      <c r="H2" s="411"/>
    </row>
    <row r="3" spans="1:8" ht="12" customHeight="1"/>
    <row r="4" spans="1:8" ht="21" customHeight="1">
      <c r="A4" s="115" t="s">
        <v>311</v>
      </c>
    </row>
    <row r="5" spans="1:8">
      <c r="A5" s="165" t="s">
        <v>312</v>
      </c>
      <c r="B5" s="195"/>
      <c r="C5" s="195"/>
      <c r="D5" s="195"/>
      <c r="E5" s="195"/>
      <c r="F5" s="195"/>
      <c r="G5" s="195"/>
      <c r="H5" s="166"/>
    </row>
    <row r="6" spans="1:8" ht="84" customHeight="1">
      <c r="A6" s="433"/>
      <c r="B6" s="434"/>
      <c r="C6" s="434"/>
      <c r="D6" s="434"/>
      <c r="E6" s="434"/>
      <c r="F6" s="434"/>
      <c r="G6" s="434"/>
      <c r="H6" s="435"/>
    </row>
    <row r="7" spans="1:8">
      <c r="A7" s="165" t="s">
        <v>313</v>
      </c>
      <c r="B7" s="195"/>
      <c r="C7" s="195"/>
      <c r="D7" s="195"/>
      <c r="E7" s="195"/>
      <c r="F7" s="195"/>
      <c r="G7" s="195"/>
      <c r="H7" s="166"/>
    </row>
    <row r="8" spans="1:8" ht="84" customHeight="1">
      <c r="A8" s="433"/>
      <c r="B8" s="434"/>
      <c r="C8" s="434"/>
      <c r="D8" s="434"/>
      <c r="E8" s="434"/>
      <c r="F8" s="434"/>
      <c r="G8" s="434"/>
      <c r="H8" s="435"/>
    </row>
    <row r="9" spans="1:8">
      <c r="A9" s="196" t="s">
        <v>314</v>
      </c>
      <c r="B9" s="197"/>
      <c r="C9" s="197"/>
      <c r="D9" s="197"/>
      <c r="E9" s="197"/>
      <c r="F9" s="197"/>
      <c r="G9" s="197"/>
      <c r="H9" s="198"/>
    </row>
    <row r="10" spans="1:8" ht="84" customHeight="1">
      <c r="A10" s="433"/>
      <c r="B10" s="434"/>
      <c r="C10" s="434"/>
      <c r="D10" s="434"/>
      <c r="E10" s="434"/>
      <c r="F10" s="434"/>
      <c r="G10" s="434"/>
      <c r="H10" s="435"/>
    </row>
    <row r="11" spans="1:8" ht="12" customHeight="1">
      <c r="A11" s="197"/>
      <c r="B11" s="197"/>
      <c r="C11" s="197"/>
      <c r="D11" s="197"/>
      <c r="E11" s="197"/>
      <c r="F11" s="197"/>
      <c r="G11" s="197"/>
      <c r="H11" s="197"/>
    </row>
    <row r="12" spans="1:8" ht="21" customHeight="1">
      <c r="A12" s="115" t="s">
        <v>315</v>
      </c>
    </row>
    <row r="13" spans="1:8">
      <c r="A13" s="165" t="s">
        <v>388</v>
      </c>
      <c r="B13" s="195"/>
      <c r="C13" s="195"/>
      <c r="D13" s="195"/>
      <c r="E13" s="195"/>
      <c r="F13" s="195"/>
      <c r="G13" s="195"/>
      <c r="H13" s="166"/>
    </row>
    <row r="14" spans="1:8" ht="84" customHeight="1">
      <c r="A14" s="433"/>
      <c r="B14" s="434"/>
      <c r="C14" s="434"/>
      <c r="D14" s="434"/>
      <c r="E14" s="434"/>
      <c r="F14" s="434"/>
      <c r="G14" s="434"/>
      <c r="H14" s="435"/>
    </row>
    <row r="15" spans="1:8">
      <c r="A15" s="165" t="s">
        <v>316</v>
      </c>
      <c r="B15" s="195"/>
      <c r="C15" s="195"/>
      <c r="D15" s="195"/>
      <c r="E15" s="195"/>
      <c r="F15" s="195"/>
      <c r="G15" s="195"/>
      <c r="H15" s="166"/>
    </row>
    <row r="16" spans="1:8" ht="84" customHeight="1">
      <c r="A16" s="433"/>
      <c r="B16" s="434"/>
      <c r="C16" s="434"/>
      <c r="D16" s="434"/>
      <c r="E16" s="434"/>
      <c r="F16" s="434"/>
      <c r="G16" s="434"/>
      <c r="H16" s="435"/>
    </row>
    <row r="17" spans="1:8">
      <c r="A17" s="196" t="s">
        <v>317</v>
      </c>
      <c r="B17" s="199"/>
      <c r="C17" s="199"/>
      <c r="D17" s="199"/>
      <c r="E17" s="199"/>
      <c r="F17" s="199"/>
      <c r="G17" s="199"/>
      <c r="H17" s="198"/>
    </row>
    <row r="18" spans="1:8">
      <c r="A18" s="196" t="s">
        <v>318</v>
      </c>
      <c r="B18" s="199"/>
      <c r="C18" s="199"/>
      <c r="D18" s="199"/>
      <c r="E18" s="199"/>
      <c r="F18" s="199"/>
      <c r="G18" s="199"/>
      <c r="H18" s="198"/>
    </row>
    <row r="19" spans="1:8">
      <c r="A19" s="196" t="s">
        <v>319</v>
      </c>
      <c r="B19" s="199"/>
      <c r="C19" s="199" t="s">
        <v>320</v>
      </c>
      <c r="D19" s="199"/>
      <c r="E19" s="199"/>
      <c r="F19" s="199" t="s">
        <v>321</v>
      </c>
      <c r="G19" s="199"/>
      <c r="H19" s="198"/>
    </row>
    <row r="20" spans="1:8">
      <c r="A20" s="196" t="s">
        <v>322</v>
      </c>
      <c r="B20" s="199"/>
      <c r="C20" s="199" t="s">
        <v>323</v>
      </c>
      <c r="D20" s="199"/>
      <c r="E20" s="199"/>
      <c r="F20" s="199" t="s">
        <v>483</v>
      </c>
      <c r="G20" s="199"/>
      <c r="H20" s="198"/>
    </row>
    <row r="21" spans="1:8" ht="159.94999999999999" customHeight="1">
      <c r="A21" s="433"/>
      <c r="B21" s="434"/>
      <c r="C21" s="434"/>
      <c r="D21" s="434"/>
      <c r="E21" s="434"/>
      <c r="F21" s="434"/>
      <c r="G21" s="434"/>
      <c r="H21" s="435"/>
    </row>
    <row r="22" spans="1:8" ht="30" customHeight="1">
      <c r="A22" s="177" t="s">
        <v>324</v>
      </c>
      <c r="B22" s="444" t="s">
        <v>325</v>
      </c>
      <c r="C22" s="445"/>
      <c r="D22" s="445"/>
      <c r="E22" s="445"/>
      <c r="F22" s="445"/>
      <c r="G22" s="445"/>
      <c r="H22" s="446"/>
    </row>
    <row r="23" spans="1:8" ht="15" customHeight="1">
      <c r="A23" s="162" t="s">
        <v>326</v>
      </c>
      <c r="B23" s="125"/>
      <c r="C23" s="125"/>
      <c r="D23" s="125"/>
      <c r="E23" s="125"/>
      <c r="F23" s="125"/>
      <c r="G23" s="125"/>
      <c r="H23" s="126"/>
    </row>
    <row r="24" spans="1:8" ht="30" customHeight="1">
      <c r="A24" s="200" t="s">
        <v>327</v>
      </c>
      <c r="B24" s="71" t="s">
        <v>328</v>
      </c>
      <c r="C24" s="130"/>
      <c r="D24" s="130"/>
      <c r="E24" s="130"/>
      <c r="F24" s="130"/>
      <c r="G24" s="130"/>
      <c r="H24" s="201"/>
    </row>
    <row r="25" spans="1:8" ht="30" customHeight="1">
      <c r="A25" s="202" t="s">
        <v>329</v>
      </c>
      <c r="B25" s="61" t="s">
        <v>330</v>
      </c>
      <c r="C25" s="125"/>
      <c r="D25" s="125"/>
      <c r="E25" s="125"/>
      <c r="F25" s="125"/>
      <c r="G25" s="125"/>
      <c r="H25" s="126"/>
    </row>
    <row r="26" spans="1:8" ht="30" customHeight="1">
      <c r="A26" s="202" t="s">
        <v>331</v>
      </c>
      <c r="B26" s="61" t="s">
        <v>332</v>
      </c>
      <c r="C26" s="125"/>
      <c r="D26" s="125"/>
      <c r="E26" s="125"/>
      <c r="F26" s="125"/>
      <c r="G26" s="125"/>
      <c r="H26" s="126"/>
    </row>
    <row r="27" spans="1:8" ht="21" customHeight="1">
      <c r="A27" s="583" t="s">
        <v>333</v>
      </c>
      <c r="B27" s="130" t="s">
        <v>334</v>
      </c>
      <c r="C27" s="130"/>
      <c r="D27" s="130"/>
      <c r="E27" s="130"/>
      <c r="F27" s="130"/>
      <c r="G27" s="130"/>
      <c r="H27" s="201"/>
    </row>
    <row r="28" spans="1:8" ht="21" customHeight="1">
      <c r="A28" s="584"/>
      <c r="B28" s="121" t="s">
        <v>335</v>
      </c>
      <c r="C28" s="121"/>
      <c r="D28" s="121"/>
      <c r="E28" s="121"/>
      <c r="F28" s="121"/>
      <c r="G28" s="121"/>
      <c r="H28" s="122"/>
    </row>
    <row r="29" spans="1:8" ht="21" customHeight="1">
      <c r="A29" s="585"/>
      <c r="B29" s="203" t="s">
        <v>9</v>
      </c>
      <c r="C29" s="123" t="s">
        <v>336</v>
      </c>
      <c r="D29" s="123"/>
      <c r="E29" s="123"/>
      <c r="F29" s="123"/>
      <c r="G29" s="123"/>
      <c r="H29" s="124"/>
    </row>
    <row r="30" spans="1:8" ht="15" customHeight="1">
      <c r="A30" s="165" t="s">
        <v>337</v>
      </c>
      <c r="B30" s="195"/>
      <c r="C30" s="195"/>
      <c r="D30" s="195"/>
      <c r="E30" s="195"/>
      <c r="F30" s="195"/>
      <c r="G30" s="195"/>
      <c r="H30" s="166"/>
    </row>
    <row r="31" spans="1:8" ht="72" customHeight="1">
      <c r="A31" s="433"/>
      <c r="B31" s="434"/>
      <c r="C31" s="434"/>
      <c r="D31" s="434"/>
      <c r="E31" s="434"/>
      <c r="F31" s="434"/>
      <c r="G31" s="434"/>
      <c r="H31" s="435"/>
    </row>
    <row r="32" spans="1:8" ht="15" customHeight="1">
      <c r="A32" s="165" t="s">
        <v>338</v>
      </c>
      <c r="B32" s="195"/>
      <c r="C32" s="195"/>
      <c r="D32" s="195"/>
      <c r="E32" s="195"/>
      <c r="F32" s="195"/>
      <c r="G32" s="195"/>
      <c r="H32" s="166"/>
    </row>
    <row r="33" spans="1:8" ht="72" customHeight="1">
      <c r="A33" s="433"/>
      <c r="B33" s="434"/>
      <c r="C33" s="434"/>
      <c r="D33" s="434"/>
      <c r="E33" s="434"/>
      <c r="F33" s="434"/>
      <c r="G33" s="434"/>
      <c r="H33" s="435"/>
    </row>
    <row r="34" spans="1:8" ht="30" customHeight="1">
      <c r="A34" s="177" t="s">
        <v>339</v>
      </c>
      <c r="B34" s="444" t="s">
        <v>340</v>
      </c>
      <c r="C34" s="445"/>
      <c r="D34" s="445"/>
      <c r="E34" s="445"/>
      <c r="F34" s="445"/>
      <c r="G34" s="445"/>
      <c r="H34" s="446"/>
    </row>
    <row r="35" spans="1:8" ht="12" customHeight="1">
      <c r="B35" s="171"/>
      <c r="C35" s="171"/>
      <c r="D35" s="171"/>
      <c r="E35" s="171"/>
      <c r="F35" s="171"/>
      <c r="G35" s="171"/>
      <c r="H35" s="171"/>
    </row>
    <row r="36" spans="1:8" ht="21" customHeight="1">
      <c r="A36" s="115" t="s">
        <v>341</v>
      </c>
      <c r="B36" s="171"/>
      <c r="C36" s="171"/>
      <c r="D36" s="171"/>
      <c r="E36" s="171"/>
      <c r="F36" s="171"/>
      <c r="G36" s="171"/>
      <c r="H36" s="171"/>
    </row>
    <row r="37" spans="1:8" ht="30" customHeight="1">
      <c r="A37" s="204" t="s">
        <v>342</v>
      </c>
      <c r="B37" s="444" t="s">
        <v>343</v>
      </c>
      <c r="C37" s="445"/>
      <c r="D37" s="445"/>
      <c r="E37" s="445"/>
      <c r="F37" s="445"/>
      <c r="G37" s="445"/>
      <c r="H37" s="446"/>
    </row>
    <row r="38" spans="1:8" ht="30" customHeight="1">
      <c r="A38" s="177" t="s">
        <v>344</v>
      </c>
      <c r="B38" s="444" t="s">
        <v>345</v>
      </c>
      <c r="C38" s="445"/>
      <c r="D38" s="445"/>
      <c r="E38" s="445"/>
      <c r="F38" s="445"/>
      <c r="G38" s="445"/>
      <c r="H38" s="446"/>
    </row>
    <row r="39" spans="1:8" ht="30" customHeight="1">
      <c r="A39" s="205" t="s">
        <v>346</v>
      </c>
      <c r="B39" s="121" t="s">
        <v>347</v>
      </c>
      <c r="C39" s="121"/>
      <c r="D39" s="121"/>
      <c r="E39" s="121"/>
      <c r="F39" s="121"/>
      <c r="G39" s="121"/>
      <c r="H39" s="122"/>
    </row>
    <row r="40" spans="1:8" ht="15" customHeight="1">
      <c r="A40" s="206" t="s">
        <v>348</v>
      </c>
      <c r="B40" s="121"/>
      <c r="C40" s="121"/>
      <c r="D40" s="121"/>
      <c r="E40" s="121"/>
      <c r="F40" s="121"/>
      <c r="G40" s="121"/>
      <c r="H40" s="122"/>
    </row>
    <row r="41" spans="1:8" ht="48" customHeight="1">
      <c r="A41" s="433"/>
      <c r="B41" s="434"/>
      <c r="C41" s="434"/>
      <c r="D41" s="434"/>
      <c r="E41" s="434"/>
      <c r="F41" s="434"/>
      <c r="G41" s="434"/>
      <c r="H41" s="435"/>
    </row>
    <row r="42" spans="1:8" ht="15" customHeight="1">
      <c r="A42" s="165" t="s">
        <v>349</v>
      </c>
      <c r="B42" s="195"/>
      <c r="C42" s="195"/>
      <c r="D42" s="195"/>
      <c r="E42" s="195"/>
      <c r="F42" s="195"/>
      <c r="G42" s="195"/>
      <c r="H42" s="166"/>
    </row>
    <row r="43" spans="1:8" ht="90" customHeight="1">
      <c r="A43" s="433"/>
      <c r="B43" s="434"/>
      <c r="C43" s="434"/>
      <c r="D43" s="434"/>
      <c r="E43" s="434"/>
      <c r="F43" s="434"/>
      <c r="G43" s="434"/>
      <c r="H43" s="435"/>
    </row>
    <row r="44" spans="1:8" ht="15" customHeight="1">
      <c r="A44" s="165" t="s">
        <v>350</v>
      </c>
      <c r="B44" s="195"/>
      <c r="C44" s="195"/>
      <c r="D44" s="195"/>
      <c r="E44" s="195"/>
      <c r="F44" s="195"/>
      <c r="G44" s="195"/>
      <c r="H44" s="166"/>
    </row>
    <row r="45" spans="1:8" ht="69.75" customHeight="1">
      <c r="A45" s="433"/>
      <c r="B45" s="434"/>
      <c r="C45" s="434"/>
      <c r="D45" s="434"/>
      <c r="E45" s="434"/>
      <c r="F45" s="434"/>
      <c r="G45" s="434"/>
      <c r="H45" s="435"/>
    </row>
    <row r="46" spans="1:8" ht="24.75" customHeight="1">
      <c r="A46" s="207"/>
      <c r="B46" s="207"/>
      <c r="C46" s="207"/>
      <c r="D46" s="207"/>
      <c r="E46" s="207"/>
      <c r="F46" s="207"/>
      <c r="G46" s="207"/>
      <c r="H46" s="207"/>
    </row>
    <row r="47" spans="1:8" ht="15" customHeight="1">
      <c r="A47" s="196" t="s">
        <v>351</v>
      </c>
      <c r="B47" s="197"/>
      <c r="C47" s="197"/>
      <c r="D47" s="197"/>
      <c r="E47" s="197"/>
      <c r="F47" s="197"/>
      <c r="G47" s="197"/>
      <c r="H47" s="198"/>
    </row>
    <row r="48" spans="1:8" ht="72" customHeight="1">
      <c r="A48" s="433"/>
      <c r="B48" s="434"/>
      <c r="C48" s="434"/>
      <c r="D48" s="434"/>
      <c r="E48" s="434"/>
      <c r="F48" s="434"/>
      <c r="G48" s="434"/>
      <c r="H48" s="435"/>
    </row>
    <row r="49" spans="1:8" ht="12" customHeight="1"/>
    <row r="50" spans="1:8" ht="21" customHeight="1">
      <c r="A50" s="115" t="s">
        <v>352</v>
      </c>
    </row>
    <row r="51" spans="1:8" ht="30" customHeight="1">
      <c r="A51" s="200" t="s">
        <v>353</v>
      </c>
      <c r="B51" s="444" t="s">
        <v>354</v>
      </c>
      <c r="C51" s="445"/>
      <c r="D51" s="445"/>
      <c r="E51" s="445"/>
      <c r="F51" s="445"/>
      <c r="G51" s="445"/>
      <c r="H51" s="446"/>
    </row>
    <row r="52" spans="1:8" ht="30" customHeight="1">
      <c r="A52" s="202" t="s">
        <v>355</v>
      </c>
      <c r="B52" s="444" t="s">
        <v>356</v>
      </c>
      <c r="C52" s="445"/>
      <c r="D52" s="445"/>
      <c r="E52" s="445"/>
      <c r="F52" s="445"/>
      <c r="G52" s="445"/>
      <c r="H52" s="446"/>
    </row>
    <row r="53" spans="1:8" ht="15" customHeight="1">
      <c r="A53" s="196" t="s">
        <v>357</v>
      </c>
      <c r="B53" s="197"/>
      <c r="C53" s="197"/>
      <c r="D53" s="197"/>
      <c r="E53" s="197"/>
      <c r="F53" s="197"/>
      <c r="G53" s="197"/>
      <c r="H53" s="198"/>
    </row>
    <row r="54" spans="1:8" ht="52.5" customHeight="1">
      <c r="A54" s="433"/>
      <c r="B54" s="434"/>
      <c r="C54" s="434"/>
      <c r="D54" s="434"/>
      <c r="E54" s="434"/>
      <c r="F54" s="434"/>
      <c r="G54" s="434"/>
      <c r="H54" s="435"/>
    </row>
    <row r="55" spans="1:8" ht="30" customHeight="1">
      <c r="A55" s="202" t="s">
        <v>358</v>
      </c>
      <c r="B55" s="61" t="s">
        <v>359</v>
      </c>
      <c r="C55" s="208"/>
      <c r="D55" s="208"/>
      <c r="E55" s="208"/>
      <c r="F55" s="208"/>
      <c r="G55" s="208"/>
      <c r="H55" s="164"/>
    </row>
    <row r="56" spans="1:8" ht="15" customHeight="1">
      <c r="A56" s="196" t="s">
        <v>360</v>
      </c>
      <c r="B56" s="197"/>
      <c r="C56" s="197"/>
      <c r="D56" s="197"/>
      <c r="E56" s="197"/>
      <c r="F56" s="197"/>
      <c r="G56" s="197"/>
      <c r="H56" s="198"/>
    </row>
    <row r="57" spans="1:8" ht="55.5" customHeight="1">
      <c r="A57" s="433"/>
      <c r="B57" s="434"/>
      <c r="C57" s="434"/>
      <c r="D57" s="434"/>
      <c r="E57" s="434"/>
      <c r="F57" s="434"/>
      <c r="G57" s="434"/>
      <c r="H57" s="435"/>
    </row>
    <row r="58" spans="1:8" ht="15" customHeight="1">
      <c r="A58" s="165" t="s">
        <v>361</v>
      </c>
      <c r="B58" s="195"/>
      <c r="C58" s="195"/>
      <c r="D58" s="195"/>
      <c r="E58" s="195"/>
      <c r="F58" s="195"/>
      <c r="G58" s="195"/>
      <c r="H58" s="166"/>
    </row>
    <row r="59" spans="1:8" ht="58.5" customHeight="1">
      <c r="A59" s="433"/>
      <c r="B59" s="434"/>
      <c r="C59" s="434"/>
      <c r="D59" s="434"/>
      <c r="E59" s="434"/>
      <c r="F59" s="434"/>
      <c r="G59" s="434"/>
      <c r="H59" s="435"/>
    </row>
    <row r="60" spans="1:8" ht="15" customHeight="1">
      <c r="A60" s="165" t="s">
        <v>362</v>
      </c>
      <c r="B60" s="195"/>
      <c r="C60" s="195"/>
      <c r="D60" s="195"/>
      <c r="E60" s="195"/>
      <c r="F60" s="195"/>
      <c r="G60" s="195"/>
      <c r="H60" s="166"/>
    </row>
    <row r="61" spans="1:8" ht="60" customHeight="1">
      <c r="A61" s="433"/>
      <c r="B61" s="434"/>
      <c r="C61" s="434"/>
      <c r="D61" s="434"/>
      <c r="E61" s="434"/>
      <c r="F61" s="434"/>
      <c r="G61" s="434"/>
      <c r="H61" s="435"/>
    </row>
    <row r="62" spans="1:8" ht="15" customHeight="1">
      <c r="A62" s="165" t="s">
        <v>363</v>
      </c>
      <c r="B62" s="195"/>
      <c r="C62" s="195"/>
      <c r="D62" s="195"/>
      <c r="E62" s="195"/>
      <c r="F62" s="195"/>
      <c r="G62" s="195"/>
      <c r="H62" s="166"/>
    </row>
    <row r="63" spans="1:8" ht="51.75" customHeight="1">
      <c r="A63" s="433"/>
      <c r="B63" s="434"/>
      <c r="C63" s="434"/>
      <c r="D63" s="434"/>
      <c r="E63" s="434"/>
      <c r="F63" s="434"/>
      <c r="G63" s="434"/>
      <c r="H63" s="435"/>
    </row>
    <row r="64" spans="1:8" ht="12" customHeight="1">
      <c r="A64" s="195"/>
      <c r="B64" s="195"/>
      <c r="C64" s="195"/>
      <c r="D64" s="195"/>
      <c r="E64" s="195"/>
      <c r="F64" s="195"/>
      <c r="G64" s="195"/>
      <c r="H64" s="195"/>
    </row>
    <row r="65" spans="1:8" ht="21" customHeight="1">
      <c r="A65" s="209" t="s">
        <v>364</v>
      </c>
      <c r="B65" s="77"/>
      <c r="C65" s="77"/>
      <c r="D65" s="77"/>
      <c r="E65" s="77"/>
      <c r="F65" s="77"/>
      <c r="G65" s="77"/>
      <c r="H65" s="77"/>
    </row>
    <row r="66" spans="1:8" ht="30" customHeight="1">
      <c r="A66" s="586" t="s">
        <v>365</v>
      </c>
      <c r="B66" s="587"/>
      <c r="C66" s="162" t="s">
        <v>366</v>
      </c>
      <c r="D66" s="195"/>
      <c r="E66" s="195"/>
      <c r="F66" s="195"/>
      <c r="G66" s="195"/>
      <c r="H66" s="166"/>
    </row>
    <row r="67" spans="1:8" ht="15" customHeight="1">
      <c r="A67" s="165" t="s">
        <v>367</v>
      </c>
      <c r="B67" s="195"/>
      <c r="C67" s="136"/>
      <c r="D67" s="195"/>
      <c r="E67" s="195"/>
      <c r="F67" s="195"/>
      <c r="G67" s="195"/>
      <c r="H67" s="166"/>
    </row>
    <row r="68" spans="1:8" ht="36" customHeight="1">
      <c r="A68" s="433"/>
      <c r="B68" s="434"/>
      <c r="C68" s="434"/>
      <c r="D68" s="434"/>
      <c r="E68" s="434"/>
      <c r="F68" s="434"/>
      <c r="G68" s="434"/>
      <c r="H68" s="435"/>
    </row>
    <row r="69" spans="1:8" ht="30" customHeight="1">
      <c r="A69" s="202" t="s">
        <v>368</v>
      </c>
      <c r="B69" s="162" t="s">
        <v>369</v>
      </c>
      <c r="C69" s="208"/>
      <c r="D69" s="208"/>
      <c r="E69" s="208"/>
      <c r="F69" s="208"/>
      <c r="G69" s="208"/>
      <c r="H69" s="164"/>
    </row>
    <row r="70" spans="1:8" ht="15" customHeight="1">
      <c r="A70" s="196" t="s">
        <v>370</v>
      </c>
      <c r="B70" s="197"/>
      <c r="C70" s="197"/>
      <c r="D70" s="197"/>
      <c r="E70" s="197"/>
      <c r="F70" s="197"/>
      <c r="G70" s="197"/>
      <c r="H70" s="198"/>
    </row>
    <row r="71" spans="1:8" ht="36" customHeight="1">
      <c r="A71" s="433"/>
      <c r="B71" s="434"/>
      <c r="C71" s="434"/>
      <c r="D71" s="434"/>
      <c r="E71" s="434"/>
      <c r="F71" s="434"/>
      <c r="G71" s="434"/>
      <c r="H71" s="435"/>
    </row>
  </sheetData>
  <mergeCells count="28">
    <mergeCell ref="A63:H63"/>
    <mergeCell ref="A66:B66"/>
    <mergeCell ref="A68:H68"/>
    <mergeCell ref="A71:H71"/>
    <mergeCell ref="B51:H51"/>
    <mergeCell ref="B52:H52"/>
    <mergeCell ref="A54:H54"/>
    <mergeCell ref="A57:H57"/>
    <mergeCell ref="A59:H59"/>
    <mergeCell ref="A61:H61"/>
    <mergeCell ref="A48:H48"/>
    <mergeCell ref="A21:H21"/>
    <mergeCell ref="B22:H22"/>
    <mergeCell ref="A27:A29"/>
    <mergeCell ref="A31:H31"/>
    <mergeCell ref="A33:H33"/>
    <mergeCell ref="B34:H34"/>
    <mergeCell ref="B37:H37"/>
    <mergeCell ref="B38:H38"/>
    <mergeCell ref="A41:H41"/>
    <mergeCell ref="A43:H43"/>
    <mergeCell ref="A45:H45"/>
    <mergeCell ref="A16:H16"/>
    <mergeCell ref="A2:H2"/>
    <mergeCell ref="A6:H6"/>
    <mergeCell ref="A8:H8"/>
    <mergeCell ref="A10:H10"/>
    <mergeCell ref="A14:H14"/>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5"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workbookViewId="0">
      <selection activeCell="I15" sqref="I15"/>
    </sheetView>
  </sheetViews>
  <sheetFormatPr defaultRowHeight="13.5"/>
  <cols>
    <col min="1" max="1" width="16.125" style="7" bestFit="1" customWidth="1"/>
    <col min="2" max="8" width="9" style="7"/>
    <col min="9" max="9" width="9.625" style="7" customWidth="1"/>
    <col min="10" max="16384" width="9" style="7"/>
  </cols>
  <sheetData>
    <row r="1" spans="1:9">
      <c r="A1" s="7" t="s">
        <v>18</v>
      </c>
    </row>
    <row r="3" spans="1:9" ht="13.5" customHeight="1">
      <c r="A3" s="8"/>
      <c r="B3" s="8"/>
      <c r="C3" s="8"/>
      <c r="D3" s="8"/>
      <c r="E3" s="8"/>
      <c r="F3" s="8"/>
      <c r="G3" s="8"/>
      <c r="H3" s="8"/>
      <c r="I3" s="8"/>
    </row>
    <row r="5" spans="1:9">
      <c r="G5" s="7" t="s">
        <v>378</v>
      </c>
    </row>
    <row r="8" spans="1:9">
      <c r="A8" s="7" t="s">
        <v>12</v>
      </c>
    </row>
    <row r="10" spans="1:9" s="1" customFormat="1" ht="21" customHeight="1">
      <c r="E10" s="1" t="s">
        <v>19</v>
      </c>
    </row>
    <row r="11" spans="1:9" s="1" customFormat="1" ht="21" customHeight="1">
      <c r="E11" s="1" t="s">
        <v>0</v>
      </c>
    </row>
    <row r="12" spans="1:9" s="1" customFormat="1" ht="6.95" customHeight="1"/>
    <row r="13" spans="1:9" s="1" customFormat="1" ht="21" customHeight="1">
      <c r="E13" s="1" t="s">
        <v>1</v>
      </c>
    </row>
    <row r="14" spans="1:9" s="1" customFormat="1" ht="6.95" customHeight="1"/>
    <row r="15" spans="1:9" s="1" customFormat="1" ht="21" customHeight="1">
      <c r="E15" s="1" t="s">
        <v>2</v>
      </c>
      <c r="I15" s="3"/>
    </row>
    <row r="16" spans="1:9" s="1" customFormat="1" ht="6.95" customHeight="1"/>
    <row r="17" spans="1:9" s="1" customFormat="1" ht="21" customHeight="1">
      <c r="E17" s="1" t="s">
        <v>20</v>
      </c>
      <c r="F17" s="277" t="s">
        <v>21</v>
      </c>
      <c r="G17" s="277"/>
      <c r="H17" s="277"/>
      <c r="I17" s="277"/>
    </row>
    <row r="19" spans="1:9" ht="21" customHeight="1"/>
    <row r="20" spans="1:9" ht="24" customHeight="1">
      <c r="A20" s="278" t="s">
        <v>22</v>
      </c>
      <c r="B20" s="278"/>
      <c r="C20" s="278"/>
      <c r="D20" s="278"/>
      <c r="E20" s="278"/>
      <c r="F20" s="278"/>
      <c r="G20" s="278"/>
      <c r="H20" s="278"/>
      <c r="I20" s="278"/>
    </row>
    <row r="21" spans="1:9" ht="11.25" customHeight="1"/>
    <row r="22" spans="1:9">
      <c r="A22" s="279"/>
      <c r="B22" s="279"/>
      <c r="C22" s="279"/>
      <c r="D22" s="279"/>
      <c r="E22" s="279"/>
      <c r="F22" s="279"/>
      <c r="G22" s="279"/>
      <c r="H22" s="279"/>
      <c r="I22" s="279"/>
    </row>
    <row r="23" spans="1:9" ht="24.95" customHeight="1">
      <c r="A23" s="276" t="s">
        <v>23</v>
      </c>
      <c r="B23" s="280"/>
      <c r="C23" s="280"/>
      <c r="D23" s="280"/>
      <c r="E23" s="280"/>
      <c r="F23" s="280"/>
      <c r="G23" s="280"/>
      <c r="H23" s="280"/>
      <c r="I23" s="280"/>
    </row>
    <row r="24" spans="1:9" ht="24.95" customHeight="1">
      <c r="A24" s="280"/>
      <c r="B24" s="280"/>
      <c r="C24" s="280"/>
      <c r="D24" s="280"/>
      <c r="E24" s="280"/>
      <c r="F24" s="280"/>
      <c r="G24" s="280"/>
      <c r="H24" s="280"/>
      <c r="I24" s="280"/>
    </row>
    <row r="25" spans="1:9" ht="24.95" customHeight="1">
      <c r="A25" s="280"/>
      <c r="B25" s="280"/>
      <c r="C25" s="280"/>
      <c r="D25" s="280"/>
      <c r="E25" s="280"/>
      <c r="F25" s="280"/>
      <c r="G25" s="280"/>
      <c r="H25" s="280"/>
      <c r="I25" s="280"/>
    </row>
    <row r="26" spans="1:9" ht="24.95" customHeight="1">
      <c r="A26" s="280"/>
      <c r="B26" s="280"/>
      <c r="C26" s="280"/>
      <c r="D26" s="280"/>
      <c r="E26" s="280"/>
      <c r="F26" s="280"/>
      <c r="G26" s="280"/>
      <c r="H26" s="280"/>
      <c r="I26" s="280"/>
    </row>
    <row r="27" spans="1:9" ht="21" customHeight="1">
      <c r="A27" s="277" t="s">
        <v>24</v>
      </c>
      <c r="B27" s="277"/>
      <c r="C27" s="277"/>
      <c r="D27" s="277"/>
      <c r="E27" s="277"/>
      <c r="F27" s="277"/>
      <c r="G27" s="277"/>
      <c r="H27" s="277"/>
      <c r="I27" s="277"/>
    </row>
    <row r="28" spans="1:9" ht="21" customHeight="1">
      <c r="A28" s="9"/>
      <c r="B28" s="9"/>
      <c r="C28" s="9"/>
    </row>
    <row r="29" spans="1:9" ht="21" customHeight="1">
      <c r="A29" s="276" t="s">
        <v>25</v>
      </c>
      <c r="B29" s="276"/>
      <c r="C29" s="276"/>
      <c r="D29" s="276"/>
      <c r="E29" s="276"/>
      <c r="F29" s="276"/>
      <c r="G29" s="276"/>
      <c r="H29" s="276"/>
      <c r="I29" s="276"/>
    </row>
    <row r="30" spans="1:9" ht="21" customHeight="1">
      <c r="A30" s="276"/>
      <c r="B30" s="276"/>
      <c r="C30" s="276"/>
      <c r="D30" s="276"/>
      <c r="E30" s="276"/>
      <c r="F30" s="276"/>
      <c r="G30" s="276"/>
      <c r="H30" s="276"/>
      <c r="I30" s="276"/>
    </row>
    <row r="31" spans="1:9" ht="21" customHeight="1">
      <c r="A31" s="276"/>
      <c r="B31" s="276"/>
      <c r="C31" s="276"/>
      <c r="D31" s="276"/>
      <c r="E31" s="276"/>
      <c r="F31" s="276"/>
      <c r="G31" s="276"/>
      <c r="H31" s="276"/>
      <c r="I31" s="276"/>
    </row>
    <row r="32" spans="1:9" ht="21" customHeight="1">
      <c r="A32" s="276"/>
      <c r="B32" s="276"/>
      <c r="C32" s="276"/>
      <c r="D32" s="276"/>
      <c r="E32" s="276"/>
      <c r="F32" s="276"/>
      <c r="G32" s="276"/>
      <c r="H32" s="276"/>
      <c r="I32" s="276"/>
    </row>
    <row r="33" spans="1:9" ht="21" customHeight="1">
      <c r="A33" s="276"/>
      <c r="B33" s="276"/>
      <c r="C33" s="276"/>
      <c r="D33" s="276"/>
      <c r="E33" s="276"/>
      <c r="F33" s="276"/>
      <c r="G33" s="276"/>
      <c r="H33" s="276"/>
      <c r="I33" s="276"/>
    </row>
    <row r="34" spans="1:9" ht="21" customHeight="1">
      <c r="A34" s="276"/>
      <c r="B34" s="276"/>
      <c r="C34" s="276"/>
      <c r="D34" s="276"/>
      <c r="E34" s="276"/>
      <c r="F34" s="276"/>
      <c r="G34" s="276"/>
      <c r="H34" s="276"/>
      <c r="I34" s="276"/>
    </row>
    <row r="35" spans="1:9" ht="21" customHeight="1">
      <c r="A35" s="276"/>
      <c r="B35" s="276"/>
      <c r="C35" s="276"/>
      <c r="D35" s="276"/>
      <c r="E35" s="276"/>
      <c r="F35" s="276"/>
      <c r="G35" s="276"/>
      <c r="H35" s="276"/>
      <c r="I35" s="276"/>
    </row>
    <row r="36" spans="1:9" ht="21" customHeight="1">
      <c r="A36" s="10"/>
      <c r="B36" s="10"/>
      <c r="C36" s="10"/>
      <c r="D36" s="10"/>
      <c r="E36" s="10"/>
      <c r="F36" s="10"/>
      <c r="G36" s="10"/>
      <c r="H36" s="10"/>
      <c r="I36" s="10"/>
    </row>
    <row r="37" spans="1:9" ht="21" customHeight="1">
      <c r="A37" s="10"/>
      <c r="B37" s="10"/>
      <c r="C37" s="10"/>
      <c r="D37" s="10"/>
      <c r="E37" s="10"/>
      <c r="F37" s="10"/>
      <c r="G37" s="10"/>
      <c r="H37" s="10"/>
      <c r="I37" s="10"/>
    </row>
    <row r="38" spans="1:9" ht="21" customHeight="1"/>
    <row r="39" spans="1:9" ht="21" customHeight="1">
      <c r="A39" s="7" t="s">
        <v>26</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topLeftCell="A6" zoomScaleNormal="100" zoomScaleSheetLayoutView="85" workbookViewId="0">
      <selection activeCell="D15" sqref="D15:E15"/>
    </sheetView>
  </sheetViews>
  <sheetFormatPr defaultRowHeight="13.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c r="A1" s="7" t="s">
        <v>27</v>
      </c>
    </row>
    <row r="2" spans="1:8" ht="27" customHeight="1">
      <c r="A2" s="272" t="s">
        <v>28</v>
      </c>
      <c r="B2" s="272"/>
      <c r="C2" s="272"/>
      <c r="D2" s="272"/>
      <c r="E2" s="272"/>
      <c r="F2" s="272"/>
      <c r="G2" s="272"/>
      <c r="H2" s="272"/>
    </row>
    <row r="3" spans="1:8" ht="14.25" thickBot="1"/>
    <row r="4" spans="1:8">
      <c r="A4" s="285" t="s">
        <v>29</v>
      </c>
      <c r="B4" s="286"/>
      <c r="C4" s="286"/>
      <c r="D4" s="287"/>
      <c r="E4" s="287"/>
      <c r="F4" s="287"/>
      <c r="G4" s="287"/>
      <c r="H4" s="288"/>
    </row>
    <row r="5" spans="1:8" ht="30.75" customHeight="1">
      <c r="A5" s="289" t="s">
        <v>30</v>
      </c>
      <c r="B5" s="290"/>
      <c r="C5" s="290"/>
      <c r="D5" s="291"/>
      <c r="E5" s="291"/>
      <c r="F5" s="291"/>
      <c r="G5" s="291"/>
      <c r="H5" s="292"/>
    </row>
    <row r="6" spans="1:8" ht="24.95" customHeight="1">
      <c r="A6" s="281" t="s">
        <v>31</v>
      </c>
      <c r="B6" s="282"/>
      <c r="C6" s="282"/>
      <c r="D6" s="283"/>
      <c r="E6" s="283"/>
      <c r="F6" s="283"/>
      <c r="G6" s="283"/>
      <c r="H6" s="284"/>
    </row>
    <row r="7" spans="1:8" ht="24.95" customHeight="1">
      <c r="A7" s="281" t="s">
        <v>5</v>
      </c>
      <c r="B7" s="282"/>
      <c r="C7" s="282"/>
      <c r="D7" s="283"/>
      <c r="E7" s="283"/>
      <c r="F7" s="283"/>
      <c r="G7" s="283"/>
      <c r="H7" s="284"/>
    </row>
    <row r="8" spans="1:8" ht="24.95" customHeight="1">
      <c r="A8" s="281" t="s">
        <v>32</v>
      </c>
      <c r="B8" s="282"/>
      <c r="C8" s="282"/>
      <c r="D8" s="283"/>
      <c r="E8" s="283"/>
      <c r="F8" s="283"/>
      <c r="G8" s="283"/>
      <c r="H8" s="284"/>
    </row>
    <row r="9" spans="1:8" ht="24.95" customHeight="1">
      <c r="A9" s="281" t="s">
        <v>33</v>
      </c>
      <c r="B9" s="282"/>
      <c r="C9" s="282"/>
      <c r="D9" s="283"/>
      <c r="E9" s="283"/>
      <c r="F9" s="283"/>
      <c r="G9" s="283"/>
      <c r="H9" s="284"/>
    </row>
    <row r="10" spans="1:8" ht="18" customHeight="1">
      <c r="A10" s="281" t="s">
        <v>34</v>
      </c>
      <c r="B10" s="282"/>
      <c r="C10" s="293" t="s">
        <v>35</v>
      </c>
      <c r="D10" s="293"/>
      <c r="E10" s="293"/>
      <c r="F10" s="293"/>
      <c r="G10" s="293"/>
      <c r="H10" s="294"/>
    </row>
    <row r="11" spans="1:8" ht="18" customHeight="1">
      <c r="A11" s="281"/>
      <c r="B11" s="282"/>
      <c r="C11" s="293"/>
      <c r="D11" s="293"/>
      <c r="E11" s="293"/>
      <c r="F11" s="293"/>
      <c r="G11" s="293"/>
      <c r="H11" s="294"/>
    </row>
    <row r="12" spans="1:8" ht="30" customHeight="1">
      <c r="A12" s="295" t="s">
        <v>36</v>
      </c>
      <c r="B12" s="296"/>
      <c r="C12" s="297"/>
      <c r="D12" s="298"/>
      <c r="E12" s="298"/>
      <c r="F12" s="298"/>
      <c r="G12" s="298"/>
      <c r="H12" s="299"/>
    </row>
    <row r="13" spans="1:8" ht="30" customHeight="1">
      <c r="A13" s="300" t="s">
        <v>37</v>
      </c>
      <c r="B13" s="302" t="s">
        <v>38</v>
      </c>
      <c r="C13" s="303"/>
      <c r="D13" s="304"/>
      <c r="E13" s="305"/>
      <c r="F13" s="305"/>
      <c r="G13" s="305"/>
      <c r="H13" s="306"/>
    </row>
    <row r="14" spans="1:8" ht="15" customHeight="1">
      <c r="A14" s="300"/>
      <c r="B14" s="307" t="s">
        <v>29</v>
      </c>
      <c r="C14" s="307"/>
      <c r="D14" s="308"/>
      <c r="E14" s="308"/>
      <c r="F14" s="282" t="s">
        <v>20</v>
      </c>
      <c r="G14" s="283"/>
      <c r="H14" s="284"/>
    </row>
    <row r="15" spans="1:8" ht="30" customHeight="1" thickBot="1">
      <c r="A15" s="301"/>
      <c r="B15" s="312" t="s">
        <v>39</v>
      </c>
      <c r="C15" s="312"/>
      <c r="D15" s="313"/>
      <c r="E15" s="313"/>
      <c r="F15" s="309"/>
      <c r="G15" s="310"/>
      <c r="H15" s="311"/>
    </row>
    <row r="16" spans="1:8" ht="14.25" thickBot="1">
      <c r="A16" s="11"/>
      <c r="B16" s="11"/>
      <c r="C16" s="11"/>
      <c r="D16" s="11"/>
      <c r="E16" s="11"/>
      <c r="F16" s="11"/>
      <c r="G16" s="11"/>
      <c r="H16" s="11"/>
    </row>
    <row r="17" spans="1:8" ht="130.5" customHeight="1">
      <c r="A17" s="12" t="s">
        <v>40</v>
      </c>
      <c r="B17" s="314"/>
      <c r="C17" s="314"/>
      <c r="D17" s="314"/>
      <c r="E17" s="314"/>
      <c r="F17" s="314"/>
      <c r="G17" s="314"/>
      <c r="H17" s="315"/>
    </row>
    <row r="18" spans="1:8" ht="130.5" customHeight="1" thickBot="1">
      <c r="A18" s="13" t="s">
        <v>41</v>
      </c>
      <c r="B18" s="316"/>
      <c r="C18" s="317"/>
      <c r="D18" s="317"/>
      <c r="E18" s="317"/>
      <c r="F18" s="317"/>
      <c r="G18" s="317"/>
      <c r="H18" s="318"/>
    </row>
    <row r="19" spans="1:8" ht="12" customHeight="1">
      <c r="A19" s="14"/>
      <c r="B19" s="15"/>
      <c r="C19" s="15"/>
      <c r="D19" s="15"/>
      <c r="E19" s="15"/>
      <c r="F19" s="15"/>
      <c r="G19" s="15"/>
      <c r="H19" s="15"/>
    </row>
    <row r="20" spans="1:8" ht="24.95" customHeight="1">
      <c r="A20" s="328"/>
      <c r="B20" s="321"/>
      <c r="C20" s="321"/>
      <c r="D20" s="321"/>
      <c r="E20" s="329"/>
      <c r="F20" s="329"/>
      <c r="G20" s="329"/>
      <c r="H20" s="329"/>
    </row>
    <row r="21" spans="1:8" ht="24.95" customHeight="1">
      <c r="A21" s="328"/>
      <c r="B21" s="321"/>
      <c r="C21" s="321"/>
      <c r="D21" s="321"/>
      <c r="E21" s="330"/>
      <c r="F21" s="330"/>
      <c r="G21" s="330"/>
      <c r="H21" s="330"/>
    </row>
    <row r="22" spans="1:8" ht="24.95" customHeight="1">
      <c r="A22" s="328"/>
      <c r="B22" s="321"/>
      <c r="C22" s="321"/>
      <c r="D22" s="321"/>
      <c r="E22" s="329"/>
      <c r="F22" s="329"/>
      <c r="G22" s="329"/>
      <c r="H22" s="329"/>
    </row>
    <row r="23" spans="1:8" ht="28.5" customHeight="1">
      <c r="A23" s="328"/>
      <c r="B23" s="321"/>
      <c r="C23" s="321"/>
      <c r="D23" s="321"/>
      <c r="E23" s="322"/>
      <c r="F23" s="322"/>
      <c r="G23" s="322"/>
      <c r="H23" s="322"/>
    </row>
    <row r="24" spans="1:8" ht="28.5" customHeight="1">
      <c r="A24" s="328"/>
      <c r="B24" s="323"/>
      <c r="C24" s="323"/>
      <c r="D24" s="323"/>
      <c r="E24" s="322"/>
      <c r="F24" s="322"/>
      <c r="G24" s="322"/>
      <c r="H24" s="322"/>
    </row>
    <row r="25" spans="1:8" ht="26.25" customHeight="1">
      <c r="A25" s="328"/>
      <c r="B25" s="324"/>
      <c r="C25" s="324"/>
      <c r="D25" s="324"/>
      <c r="E25" s="324"/>
      <c r="F25" s="324"/>
      <c r="G25" s="324"/>
      <c r="H25" s="324"/>
    </row>
    <row r="26" spans="1:8" ht="12" customHeight="1" thickBot="1">
      <c r="A26" s="16"/>
      <c r="B26" s="17"/>
      <c r="C26" s="17"/>
      <c r="D26" s="17"/>
      <c r="E26" s="17"/>
      <c r="F26" s="17"/>
      <c r="G26" s="17"/>
      <c r="H26" s="17"/>
    </row>
    <row r="27" spans="1:8" ht="18.75" customHeight="1">
      <c r="A27" s="325" t="s">
        <v>42</v>
      </c>
      <c r="B27" s="326"/>
      <c r="C27" s="326"/>
      <c r="D27" s="326"/>
      <c r="E27" s="326"/>
      <c r="F27" s="326"/>
      <c r="G27" s="326"/>
      <c r="H27" s="327"/>
    </row>
    <row r="28" spans="1:8" ht="33" customHeight="1">
      <c r="A28" s="18"/>
      <c r="B28" s="19" t="s">
        <v>43</v>
      </c>
      <c r="C28" s="19" t="s">
        <v>44</v>
      </c>
      <c r="D28" s="19" t="s">
        <v>45</v>
      </c>
      <c r="E28" s="19" t="s">
        <v>46</v>
      </c>
      <c r="F28" s="19" t="s">
        <v>47</v>
      </c>
      <c r="G28" s="282" t="s">
        <v>31</v>
      </c>
      <c r="H28" s="331"/>
    </row>
    <row r="29" spans="1:8" ht="25.5" customHeight="1">
      <c r="A29" s="20">
        <v>1</v>
      </c>
      <c r="B29" s="21"/>
      <c r="C29" s="21"/>
      <c r="D29" s="21"/>
      <c r="E29" s="21"/>
      <c r="F29" s="21"/>
      <c r="G29" s="319"/>
      <c r="H29" s="320"/>
    </row>
    <row r="30" spans="1:8" ht="25.5" customHeight="1">
      <c r="A30" s="20">
        <v>2</v>
      </c>
      <c r="B30" s="21"/>
      <c r="C30" s="21"/>
      <c r="D30" s="21"/>
      <c r="E30" s="21"/>
      <c r="F30" s="21"/>
      <c r="G30" s="319"/>
      <c r="H30" s="320"/>
    </row>
    <row r="31" spans="1:8" ht="25.5" customHeight="1">
      <c r="A31" s="20">
        <v>3</v>
      </c>
      <c r="B31" s="21"/>
      <c r="C31" s="21"/>
      <c r="D31" s="21"/>
      <c r="E31" s="21"/>
      <c r="F31" s="21"/>
      <c r="G31" s="319"/>
      <c r="H31" s="320"/>
    </row>
    <row r="32" spans="1:8" ht="25.5" customHeight="1">
      <c r="A32" s="20">
        <v>4</v>
      </c>
      <c r="B32" s="21"/>
      <c r="C32" s="21"/>
      <c r="D32" s="21"/>
      <c r="E32" s="21"/>
      <c r="F32" s="21"/>
      <c r="G32" s="319"/>
      <c r="H32" s="320"/>
    </row>
    <row r="33" spans="1:8" ht="25.5" customHeight="1">
      <c r="A33" s="20">
        <v>5</v>
      </c>
      <c r="B33" s="21"/>
      <c r="C33" s="21"/>
      <c r="D33" s="21"/>
      <c r="E33" s="21"/>
      <c r="F33" s="21"/>
      <c r="G33" s="319"/>
      <c r="H33" s="320"/>
    </row>
    <row r="34" spans="1:8" ht="25.5" customHeight="1">
      <c r="A34" s="20">
        <v>6</v>
      </c>
      <c r="B34" s="21"/>
      <c r="C34" s="21"/>
      <c r="D34" s="21"/>
      <c r="E34" s="21"/>
      <c r="F34" s="21"/>
      <c r="G34" s="319"/>
      <c r="H34" s="320"/>
    </row>
    <row r="35" spans="1:8" ht="25.5" customHeight="1">
      <c r="A35" s="20">
        <v>7</v>
      </c>
      <c r="B35" s="21"/>
      <c r="C35" s="21"/>
      <c r="D35" s="21"/>
      <c r="E35" s="21"/>
      <c r="F35" s="21"/>
      <c r="G35" s="319"/>
      <c r="H35" s="320"/>
    </row>
    <row r="36" spans="1:8" ht="25.5" customHeight="1" thickBot="1">
      <c r="A36" s="22">
        <v>8</v>
      </c>
      <c r="B36" s="23"/>
      <c r="C36" s="23"/>
      <c r="D36" s="23"/>
      <c r="E36" s="23"/>
      <c r="F36" s="23"/>
      <c r="G36" s="332"/>
      <c r="H36" s="333"/>
    </row>
    <row r="37" spans="1:8" ht="14.25" thickBot="1">
      <c r="A37" s="11"/>
      <c r="B37" s="11"/>
      <c r="C37" s="11"/>
      <c r="D37" s="11"/>
      <c r="E37" s="11"/>
      <c r="F37" s="11"/>
      <c r="G37" s="11"/>
      <c r="H37" s="11"/>
    </row>
    <row r="38" spans="1:8" ht="17.25" customHeight="1">
      <c r="A38" s="334" t="s">
        <v>48</v>
      </c>
      <c r="B38" s="24" t="s">
        <v>44</v>
      </c>
      <c r="C38" s="24" t="s">
        <v>49</v>
      </c>
      <c r="D38" s="24" t="s">
        <v>50</v>
      </c>
      <c r="E38" s="24" t="s">
        <v>31</v>
      </c>
      <c r="F38" s="24" t="s">
        <v>46</v>
      </c>
      <c r="G38" s="337" t="s">
        <v>51</v>
      </c>
      <c r="H38" s="338"/>
    </row>
    <row r="39" spans="1:8" ht="30" customHeight="1">
      <c r="A39" s="335"/>
      <c r="B39" s="25"/>
      <c r="C39" s="25"/>
      <c r="D39" s="25"/>
      <c r="E39" s="25"/>
      <c r="F39" s="25"/>
      <c r="G39" s="339"/>
      <c r="H39" s="340"/>
    </row>
    <row r="40" spans="1:8" ht="30" customHeight="1">
      <c r="A40" s="335"/>
      <c r="B40" s="25"/>
      <c r="C40" s="25"/>
      <c r="D40" s="25"/>
      <c r="E40" s="25"/>
      <c r="F40" s="25"/>
      <c r="G40" s="339"/>
      <c r="H40" s="340"/>
    </row>
    <row r="41" spans="1:8" ht="30" customHeight="1">
      <c r="A41" s="335"/>
      <c r="B41" s="25"/>
      <c r="C41" s="25"/>
      <c r="D41" s="25"/>
      <c r="E41" s="25"/>
      <c r="F41" s="25"/>
      <c r="G41" s="339"/>
      <c r="H41" s="340"/>
    </row>
    <row r="42" spans="1:8" ht="30" customHeight="1">
      <c r="A42" s="335"/>
      <c r="B42" s="25"/>
      <c r="C42" s="25"/>
      <c r="D42" s="25"/>
      <c r="E42" s="25"/>
      <c r="F42" s="25"/>
      <c r="G42" s="339"/>
      <c r="H42" s="340"/>
    </row>
    <row r="43" spans="1:8" ht="30" customHeight="1">
      <c r="A43" s="335"/>
      <c r="B43" s="25"/>
      <c r="C43" s="25"/>
      <c r="D43" s="25"/>
      <c r="E43" s="25"/>
      <c r="F43" s="25"/>
      <c r="G43" s="339"/>
      <c r="H43" s="340"/>
    </row>
    <row r="44" spans="1:8" ht="30" customHeight="1">
      <c r="A44" s="335"/>
      <c r="B44" s="25"/>
      <c r="C44" s="25"/>
      <c r="D44" s="25"/>
      <c r="E44" s="25"/>
      <c r="F44" s="25"/>
      <c r="G44" s="339"/>
      <c r="H44" s="340"/>
    </row>
    <row r="45" spans="1:8" ht="30" customHeight="1">
      <c r="A45" s="335"/>
      <c r="B45" s="25"/>
      <c r="C45" s="25"/>
      <c r="D45" s="25"/>
      <c r="E45" s="25"/>
      <c r="F45" s="25"/>
      <c r="G45" s="339"/>
      <c r="H45" s="340"/>
    </row>
    <row r="46" spans="1:8" ht="30" customHeight="1" thickBot="1">
      <c r="A46" s="336"/>
      <c r="B46" s="26"/>
      <c r="C46" s="26"/>
      <c r="D46" s="26"/>
      <c r="E46" s="26"/>
      <c r="F46" s="26"/>
      <c r="G46" s="341"/>
      <c r="H46" s="342"/>
    </row>
    <row r="47" spans="1:8" ht="14.25" thickBot="1">
      <c r="A47" s="11"/>
      <c r="B47" s="11"/>
      <c r="C47" s="11"/>
      <c r="D47" s="11"/>
      <c r="E47" s="11"/>
      <c r="F47" s="11"/>
      <c r="G47" s="11"/>
      <c r="H47" s="11"/>
    </row>
    <row r="48" spans="1:8" ht="48" customHeight="1">
      <c r="A48" s="343" t="s">
        <v>52</v>
      </c>
      <c r="B48" s="346" t="s">
        <v>53</v>
      </c>
      <c r="C48" s="346"/>
      <c r="D48" s="347" t="s">
        <v>54</v>
      </c>
      <c r="E48" s="347"/>
      <c r="F48" s="347"/>
      <c r="G48" s="348" t="s">
        <v>389</v>
      </c>
      <c r="H48" s="349"/>
    </row>
    <row r="49" spans="1:8" ht="26.25" customHeight="1">
      <c r="A49" s="344"/>
      <c r="B49" s="212" t="s">
        <v>55</v>
      </c>
      <c r="C49" s="212" t="s">
        <v>56</v>
      </c>
      <c r="D49" s="212" t="s">
        <v>57</v>
      </c>
      <c r="E49" s="212" t="s">
        <v>58</v>
      </c>
      <c r="F49" s="212" t="s">
        <v>59</v>
      </c>
      <c r="G49" s="350" t="s">
        <v>60</v>
      </c>
      <c r="H49" s="351"/>
    </row>
    <row r="50" spans="1:8" ht="27" customHeight="1">
      <c r="A50" s="344"/>
      <c r="B50" s="27"/>
      <c r="C50" s="27"/>
      <c r="D50" s="213"/>
      <c r="E50" s="213"/>
      <c r="F50" s="213"/>
      <c r="G50" s="352"/>
      <c r="H50" s="353"/>
    </row>
    <row r="51" spans="1:8" ht="27" customHeight="1">
      <c r="A51" s="344"/>
      <c r="B51" s="27"/>
      <c r="C51" s="27"/>
      <c r="D51" s="213"/>
      <c r="E51" s="27"/>
      <c r="F51" s="27"/>
      <c r="G51" s="352"/>
      <c r="H51" s="353"/>
    </row>
    <row r="52" spans="1:8" ht="27" customHeight="1" thickBot="1">
      <c r="A52" s="344"/>
      <c r="B52" s="28"/>
      <c r="C52" s="28"/>
      <c r="D52" s="214"/>
      <c r="E52" s="214"/>
      <c r="F52" s="214"/>
      <c r="G52" s="354"/>
      <c r="H52" s="355"/>
    </row>
    <row r="53" spans="1:8" ht="49.5" customHeight="1" thickTop="1" thickBot="1">
      <c r="A53" s="345"/>
      <c r="B53" s="356" t="s">
        <v>61</v>
      </c>
      <c r="C53" s="356"/>
      <c r="D53" s="215"/>
      <c r="E53" s="215"/>
      <c r="F53" s="216"/>
      <c r="G53" s="357"/>
      <c r="H53" s="358"/>
    </row>
  </sheetData>
  <mergeCells count="68">
    <mergeCell ref="A48:A53"/>
    <mergeCell ref="B48:C48"/>
    <mergeCell ref="D48:F48"/>
    <mergeCell ref="G48:H48"/>
    <mergeCell ref="G49:H49"/>
    <mergeCell ref="G50:H50"/>
    <mergeCell ref="G51:H51"/>
    <mergeCell ref="G52:H52"/>
    <mergeCell ref="B53:C53"/>
    <mergeCell ref="G53:H53"/>
    <mergeCell ref="G36:H36"/>
    <mergeCell ref="A38:A46"/>
    <mergeCell ref="G38:H38"/>
    <mergeCell ref="G39:H39"/>
    <mergeCell ref="G40:H40"/>
    <mergeCell ref="G41:H41"/>
    <mergeCell ref="G42:H42"/>
    <mergeCell ref="G43:H43"/>
    <mergeCell ref="G44:H44"/>
    <mergeCell ref="G45:H45"/>
    <mergeCell ref="G46:H46"/>
    <mergeCell ref="G30:H30"/>
    <mergeCell ref="G31:H31"/>
    <mergeCell ref="G32:H32"/>
    <mergeCell ref="G34:H34"/>
    <mergeCell ref="G35:H3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A10:B11"/>
    <mergeCell ref="C10:H11"/>
    <mergeCell ref="A12:C12"/>
    <mergeCell ref="D12:H12"/>
    <mergeCell ref="A13:A15"/>
    <mergeCell ref="B13:C13"/>
    <mergeCell ref="D13:H13"/>
    <mergeCell ref="B14:C14"/>
    <mergeCell ref="D14:E14"/>
    <mergeCell ref="F14:F15"/>
    <mergeCell ref="G14:H15"/>
    <mergeCell ref="B15:C15"/>
    <mergeCell ref="D15:E15"/>
    <mergeCell ref="A7:C7"/>
    <mergeCell ref="D7:H7"/>
    <mergeCell ref="A8:C8"/>
    <mergeCell ref="D8:H8"/>
    <mergeCell ref="A9:C9"/>
    <mergeCell ref="D9:H9"/>
    <mergeCell ref="A6:C6"/>
    <mergeCell ref="D6:H6"/>
    <mergeCell ref="A2:H2"/>
    <mergeCell ref="A4:C4"/>
    <mergeCell ref="D4:H4"/>
    <mergeCell ref="A5:C5"/>
    <mergeCell ref="D5:H5"/>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I16" sqref="I16"/>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c r="A1" s="7" t="s">
        <v>62</v>
      </c>
    </row>
    <row r="2" spans="1:6" ht="24" customHeight="1">
      <c r="A2" s="272" t="s">
        <v>63</v>
      </c>
      <c r="B2" s="272"/>
      <c r="C2" s="272"/>
      <c r="D2" s="272"/>
      <c r="E2" s="272"/>
      <c r="F2" s="272"/>
    </row>
    <row r="3" spans="1:6" ht="14.25" thickBot="1"/>
    <row r="4" spans="1:6" ht="30.75" customHeight="1">
      <c r="A4" s="359" t="s">
        <v>30</v>
      </c>
      <c r="B4" s="360"/>
      <c r="C4" s="361"/>
      <c r="D4" s="362"/>
      <c r="E4" s="362"/>
      <c r="F4" s="363"/>
    </row>
    <row r="5" spans="1:6">
      <c r="A5" s="364" t="s">
        <v>64</v>
      </c>
      <c r="B5" s="365"/>
      <c r="C5" s="366"/>
      <c r="D5" s="367"/>
      <c r="E5" s="368" t="s">
        <v>20</v>
      </c>
      <c r="F5" s="369" t="s">
        <v>65</v>
      </c>
    </row>
    <row r="6" spans="1:6" ht="29.25" customHeight="1">
      <c r="A6" s="371" t="s">
        <v>39</v>
      </c>
      <c r="B6" s="372"/>
      <c r="C6" s="373"/>
      <c r="D6" s="374"/>
      <c r="E6" s="368"/>
      <c r="F6" s="370"/>
    </row>
    <row r="7" spans="1:6" ht="20.25" customHeight="1">
      <c r="A7" s="375" t="s">
        <v>38</v>
      </c>
      <c r="B7" s="368"/>
      <c r="C7" s="378"/>
      <c r="D7" s="379"/>
      <c r="E7" s="365" t="s">
        <v>5</v>
      </c>
      <c r="F7" s="383"/>
    </row>
    <row r="8" spans="1:6" ht="20.25" customHeight="1" thickBot="1">
      <c r="A8" s="376"/>
      <c r="B8" s="377"/>
      <c r="C8" s="380"/>
      <c r="D8" s="381"/>
      <c r="E8" s="382"/>
      <c r="F8" s="384"/>
    </row>
    <row r="9" spans="1:6" ht="14.25" thickBot="1">
      <c r="C9" s="29"/>
    </row>
    <row r="10" spans="1:6" ht="18" customHeight="1">
      <c r="A10" s="30" t="s">
        <v>66</v>
      </c>
      <c r="B10" s="31" t="s">
        <v>67</v>
      </c>
      <c r="C10" s="32" t="s">
        <v>66</v>
      </c>
      <c r="D10" s="385" t="s">
        <v>68</v>
      </c>
      <c r="E10" s="385"/>
      <c r="F10" s="386"/>
    </row>
    <row r="11" spans="1:6" ht="27" customHeight="1">
      <c r="A11" s="33"/>
      <c r="B11" s="5" t="s">
        <v>67</v>
      </c>
      <c r="C11" s="34"/>
      <c r="D11" s="283"/>
      <c r="E11" s="283"/>
      <c r="F11" s="284"/>
    </row>
    <row r="12" spans="1:6" ht="27" customHeight="1">
      <c r="A12" s="35"/>
      <c r="B12" s="5" t="s">
        <v>67</v>
      </c>
      <c r="C12" s="36"/>
      <c r="D12" s="308"/>
      <c r="E12" s="308"/>
      <c r="F12" s="387"/>
    </row>
    <row r="13" spans="1:6" ht="18" customHeight="1">
      <c r="A13" s="388" t="s">
        <v>66</v>
      </c>
      <c r="B13" s="390" t="s">
        <v>67</v>
      </c>
      <c r="C13" s="390" t="s">
        <v>66</v>
      </c>
      <c r="D13" s="392" t="s">
        <v>69</v>
      </c>
      <c r="E13" s="392"/>
      <c r="F13" s="393"/>
    </row>
    <row r="14" spans="1:6" ht="18" customHeight="1">
      <c r="A14" s="389"/>
      <c r="B14" s="391"/>
      <c r="C14" s="391"/>
      <c r="D14" s="394" t="s">
        <v>70</v>
      </c>
      <c r="E14" s="395"/>
      <c r="F14" s="37" t="s">
        <v>71</v>
      </c>
    </row>
    <row r="15" spans="1:6" ht="27" customHeight="1">
      <c r="A15" s="33"/>
      <c r="B15" s="5" t="s">
        <v>67</v>
      </c>
      <c r="C15" s="34"/>
      <c r="D15" s="304"/>
      <c r="E15" s="399"/>
      <c r="F15" s="38"/>
    </row>
    <row r="16" spans="1:6" ht="27" customHeight="1">
      <c r="A16" s="35"/>
      <c r="B16" s="5" t="s">
        <v>67</v>
      </c>
      <c r="C16" s="36"/>
      <c r="D16" s="304"/>
      <c r="E16" s="399"/>
      <c r="F16" s="38"/>
    </row>
    <row r="17" spans="1:6" ht="27" customHeight="1">
      <c r="A17" s="35"/>
      <c r="B17" s="5" t="s">
        <v>67</v>
      </c>
      <c r="C17" s="36"/>
      <c r="D17" s="304"/>
      <c r="E17" s="399"/>
      <c r="F17" s="38"/>
    </row>
    <row r="18" spans="1:6" ht="27" customHeight="1">
      <c r="A18" s="35"/>
      <c r="B18" s="5" t="s">
        <v>67</v>
      </c>
      <c r="C18" s="36"/>
      <c r="D18" s="304"/>
      <c r="E18" s="399"/>
      <c r="F18" s="38"/>
    </row>
    <row r="19" spans="1:6" ht="27" customHeight="1">
      <c r="A19" s="35"/>
      <c r="B19" s="5" t="s">
        <v>67</v>
      </c>
      <c r="C19" s="36"/>
      <c r="D19" s="304"/>
      <c r="E19" s="399"/>
      <c r="F19" s="38"/>
    </row>
    <row r="20" spans="1:6" ht="27" customHeight="1">
      <c r="A20" s="35"/>
      <c r="B20" s="5" t="s">
        <v>67</v>
      </c>
      <c r="C20" s="36"/>
      <c r="D20" s="304"/>
      <c r="E20" s="399"/>
      <c r="F20" s="38"/>
    </row>
    <row r="21" spans="1:6" ht="27" customHeight="1">
      <c r="A21" s="35"/>
      <c r="B21" s="5" t="s">
        <v>67</v>
      </c>
      <c r="C21" s="36"/>
      <c r="D21" s="304"/>
      <c r="E21" s="399"/>
      <c r="F21" s="39"/>
    </row>
    <row r="22" spans="1:6" ht="18" customHeight="1">
      <c r="A22" s="40" t="s">
        <v>66</v>
      </c>
      <c r="B22" s="41" t="s">
        <v>67</v>
      </c>
      <c r="C22" s="42" t="s">
        <v>66</v>
      </c>
      <c r="D22" s="400" t="s">
        <v>72</v>
      </c>
      <c r="E22" s="400"/>
      <c r="F22" s="401"/>
    </row>
    <row r="23" spans="1:6" ht="27" customHeight="1">
      <c r="A23" s="33"/>
      <c r="B23" s="5" t="s">
        <v>67</v>
      </c>
      <c r="C23" s="34"/>
      <c r="D23" s="283"/>
      <c r="E23" s="283"/>
      <c r="F23" s="284"/>
    </row>
    <row r="24" spans="1:6" ht="27" customHeight="1">
      <c r="A24" s="35"/>
      <c r="B24" s="5" t="s">
        <v>67</v>
      </c>
      <c r="C24" s="36"/>
      <c r="D24" s="283"/>
      <c r="E24" s="283"/>
      <c r="F24" s="284"/>
    </row>
    <row r="25" spans="1:6" ht="27" customHeight="1">
      <c r="A25" s="35"/>
      <c r="B25" s="5" t="s">
        <v>67</v>
      </c>
      <c r="C25" s="36"/>
      <c r="D25" s="283"/>
      <c r="E25" s="283"/>
      <c r="F25" s="284"/>
    </row>
    <row r="26" spans="1:6" ht="14.25">
      <c r="A26" s="43" t="s">
        <v>66</v>
      </c>
      <c r="B26" s="396" t="s">
        <v>73</v>
      </c>
      <c r="C26" s="397"/>
      <c r="D26" s="397"/>
      <c r="E26" s="397"/>
      <c r="F26" s="398"/>
    </row>
    <row r="27" spans="1:6" ht="27" customHeight="1">
      <c r="A27" s="44"/>
      <c r="B27" s="402"/>
      <c r="C27" s="403"/>
      <c r="D27" s="403"/>
      <c r="E27" s="403"/>
      <c r="F27" s="404"/>
    </row>
    <row r="28" spans="1:6" ht="27" customHeight="1">
      <c r="A28" s="44"/>
      <c r="B28" s="402"/>
      <c r="C28" s="403"/>
      <c r="D28" s="403"/>
      <c r="E28" s="403"/>
      <c r="F28" s="404"/>
    </row>
    <row r="29" spans="1:6" ht="27" customHeight="1">
      <c r="A29" s="44"/>
      <c r="B29" s="402"/>
      <c r="C29" s="403"/>
      <c r="D29" s="403"/>
      <c r="E29" s="403"/>
      <c r="F29" s="404"/>
    </row>
    <row r="30" spans="1:6" ht="14.25">
      <c r="A30" s="43" t="s">
        <v>66</v>
      </c>
      <c r="B30" s="396" t="s">
        <v>74</v>
      </c>
      <c r="C30" s="397"/>
      <c r="D30" s="397"/>
      <c r="E30" s="397"/>
      <c r="F30" s="398"/>
    </row>
    <row r="31" spans="1:6" ht="27" customHeight="1">
      <c r="A31" s="44"/>
      <c r="B31" s="402"/>
      <c r="C31" s="403"/>
      <c r="D31" s="403"/>
      <c r="E31" s="403"/>
      <c r="F31" s="404"/>
    </row>
    <row r="32" spans="1:6" ht="27" customHeight="1">
      <c r="A32" s="44"/>
      <c r="B32" s="402"/>
      <c r="C32" s="403"/>
      <c r="D32" s="403"/>
      <c r="E32" s="403"/>
      <c r="F32" s="404"/>
    </row>
    <row r="33" spans="1:6" ht="27" customHeight="1">
      <c r="A33" s="44"/>
      <c r="B33" s="402"/>
      <c r="C33" s="403"/>
      <c r="D33" s="403"/>
      <c r="E33" s="403"/>
      <c r="F33" s="404"/>
    </row>
    <row r="34" spans="1:6" ht="42" customHeight="1" thickBot="1">
      <c r="A34" s="45" t="s">
        <v>51</v>
      </c>
      <c r="B34" s="405"/>
      <c r="C34" s="406"/>
      <c r="D34" s="406"/>
      <c r="E34" s="406"/>
      <c r="F34" s="407"/>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zoomScaleNormal="100" workbookViewId="0">
      <selection activeCell="H16" sqref="H16"/>
    </sheetView>
  </sheetViews>
  <sheetFormatPr defaultRowHeight="13.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c r="A1" s="1" t="s">
        <v>75</v>
      </c>
    </row>
    <row r="2" spans="1:7" ht="30" customHeight="1">
      <c r="A2" s="272" t="s">
        <v>76</v>
      </c>
      <c r="B2" s="272"/>
      <c r="C2" s="272"/>
      <c r="D2" s="272"/>
      <c r="E2" s="272"/>
      <c r="F2" s="272"/>
      <c r="G2" s="272"/>
    </row>
    <row r="3" spans="1:7" ht="30" customHeight="1">
      <c r="F3" s="408" t="s">
        <v>379</v>
      </c>
      <c r="G3" s="408"/>
    </row>
    <row r="4" spans="1:7" ht="18" customHeight="1" thickBot="1"/>
    <row r="5" spans="1:7" s="49" customFormat="1" ht="30" customHeight="1">
      <c r="A5" s="46" t="s">
        <v>77</v>
      </c>
      <c r="B5" s="47" t="s" ph="1">
        <v>78</v>
      </c>
      <c r="C5" s="47" t="s">
        <v>20</v>
      </c>
      <c r="D5" s="47" t="s">
        <v>38</v>
      </c>
      <c r="E5" s="47" t="s">
        <v>479</v>
      </c>
      <c r="F5" s="47" t="s">
        <v>480</v>
      </c>
      <c r="G5" s="48" t="s">
        <v>51</v>
      </c>
    </row>
    <row r="6" spans="1:7" s="7" customFormat="1" ht="30" customHeight="1">
      <c r="A6" s="50" t="s">
        <v>80</v>
      </c>
      <c r="B6" s="51"/>
      <c r="C6" s="51"/>
      <c r="D6" s="51"/>
      <c r="E6" s="51"/>
      <c r="F6" s="51"/>
      <c r="G6" s="38"/>
    </row>
    <row r="7" spans="1:7" s="7" customFormat="1" ht="30" customHeight="1">
      <c r="A7" s="52"/>
      <c r="B7" s="51"/>
      <c r="C7" s="51"/>
      <c r="D7" s="51"/>
      <c r="E7" s="51"/>
      <c r="F7" s="51"/>
      <c r="G7" s="38"/>
    </row>
    <row r="8" spans="1:7" s="7" customFormat="1" ht="30" customHeight="1">
      <c r="A8" s="52"/>
      <c r="B8" s="51"/>
      <c r="C8" s="51"/>
      <c r="D8" s="51"/>
      <c r="E8" s="51"/>
      <c r="F8" s="51"/>
      <c r="G8" s="38"/>
    </row>
    <row r="9" spans="1:7" s="7" customFormat="1" ht="30" customHeight="1">
      <c r="A9" s="52"/>
      <c r="B9" s="51"/>
      <c r="C9" s="51"/>
      <c r="D9" s="51"/>
      <c r="E9" s="51"/>
      <c r="F9" s="51"/>
      <c r="G9" s="38"/>
    </row>
    <row r="10" spans="1:7" s="7" customFormat="1" ht="30" customHeight="1">
      <c r="A10" s="52"/>
      <c r="B10" s="51"/>
      <c r="C10" s="51"/>
      <c r="D10" s="51"/>
      <c r="E10" s="51"/>
      <c r="F10" s="51"/>
      <c r="G10" s="38"/>
    </row>
    <row r="11" spans="1:7" s="7" customFormat="1" ht="30" customHeight="1">
      <c r="A11" s="52"/>
      <c r="B11" s="51"/>
      <c r="C11" s="51"/>
      <c r="D11" s="51"/>
      <c r="E11" s="51"/>
      <c r="F11" s="51"/>
      <c r="G11" s="38"/>
    </row>
    <row r="12" spans="1:7" s="7" customFormat="1" ht="30" customHeight="1">
      <c r="A12" s="52"/>
      <c r="B12" s="51"/>
      <c r="C12" s="51"/>
      <c r="D12" s="51"/>
      <c r="E12" s="51"/>
      <c r="F12" s="51"/>
      <c r="G12" s="38"/>
    </row>
    <row r="13" spans="1:7" s="7" customFormat="1" ht="30" customHeight="1">
      <c r="A13" s="52"/>
      <c r="B13" s="51"/>
      <c r="C13" s="51"/>
      <c r="D13" s="51"/>
      <c r="E13" s="51"/>
      <c r="F13" s="51"/>
      <c r="G13" s="38"/>
    </row>
    <row r="14" spans="1:7" s="7" customFormat="1" ht="30" customHeight="1">
      <c r="A14" s="52"/>
      <c r="B14" s="51"/>
      <c r="C14" s="51"/>
      <c r="D14" s="51"/>
      <c r="E14" s="51"/>
      <c r="F14" s="51"/>
      <c r="G14" s="38"/>
    </row>
    <row r="15" spans="1:7" s="7" customFormat="1" ht="30" customHeight="1" thickBot="1">
      <c r="A15" s="53"/>
      <c r="B15" s="54"/>
      <c r="C15" s="54"/>
      <c r="D15" s="54"/>
      <c r="E15" s="54"/>
      <c r="F15" s="54"/>
      <c r="G15" s="55"/>
    </row>
    <row r="16" spans="1:7" s="7" customFormat="1" ht="30" customHeight="1">
      <c r="A16" s="268" t="s">
        <v>484</v>
      </c>
    </row>
    <row r="17" ht="30" customHeight="1"/>
    <row r="18" ht="30" customHeight="1"/>
    <row r="19" ht="30" customHeight="1"/>
    <row r="20" ht="30" customHeight="1"/>
    <row r="21" ht="30" customHeight="1"/>
    <row r="22" ht="30" customHeight="1"/>
    <row r="23" ht="30" customHeight="1"/>
    <row r="24" ht="30" customHeight="1"/>
    <row r="25" ht="24.95" customHeight="1"/>
    <row r="26" ht="24.95" customHeight="1"/>
    <row r="27" ht="24.95" customHeight="1"/>
    <row r="28" ht="24.95" customHeight="1"/>
    <row r="29" ht="24.95" customHeight="1"/>
    <row r="30" ht="24.95" customHeight="1"/>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A2" sqref="A2:F2"/>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c r="A1" s="7" t="s">
        <v>81</v>
      </c>
    </row>
    <row r="2" spans="1:6" ht="24" customHeight="1">
      <c r="A2" s="272" t="s">
        <v>83</v>
      </c>
      <c r="B2" s="272"/>
      <c r="C2" s="272"/>
      <c r="D2" s="272"/>
      <c r="E2" s="272"/>
      <c r="F2" s="272"/>
    </row>
    <row r="3" spans="1:6" ht="14.25" thickBot="1"/>
    <row r="4" spans="1:6" ht="30.75" customHeight="1">
      <c r="A4" s="359" t="s">
        <v>30</v>
      </c>
      <c r="B4" s="360"/>
      <c r="C4" s="361"/>
      <c r="D4" s="362"/>
      <c r="E4" s="362"/>
      <c r="F4" s="363"/>
    </row>
    <row r="5" spans="1:6">
      <c r="A5" s="364" t="s">
        <v>29</v>
      </c>
      <c r="B5" s="365"/>
      <c r="C5" s="366"/>
      <c r="D5" s="367"/>
      <c r="E5" s="368" t="s">
        <v>20</v>
      </c>
      <c r="F5" s="369" t="s">
        <v>84</v>
      </c>
    </row>
    <row r="6" spans="1:6" ht="29.25" customHeight="1">
      <c r="A6" s="371" t="s">
        <v>39</v>
      </c>
      <c r="B6" s="372"/>
      <c r="C6" s="373"/>
      <c r="D6" s="374"/>
      <c r="E6" s="368"/>
      <c r="F6" s="370"/>
    </row>
    <row r="7" spans="1:6" ht="20.25" customHeight="1">
      <c r="A7" s="375" t="s">
        <v>38</v>
      </c>
      <c r="B7" s="368"/>
      <c r="C7" s="378"/>
      <c r="D7" s="379"/>
      <c r="E7" s="365" t="s">
        <v>5</v>
      </c>
      <c r="F7" s="409"/>
    </row>
    <row r="8" spans="1:6" ht="20.25" customHeight="1" thickBot="1">
      <c r="A8" s="376"/>
      <c r="B8" s="377"/>
      <c r="C8" s="380"/>
      <c r="D8" s="381"/>
      <c r="E8" s="382"/>
      <c r="F8" s="410"/>
    </row>
    <row r="9" spans="1:6" ht="14.25" thickBot="1">
      <c r="C9" s="29"/>
    </row>
    <row r="10" spans="1:6" ht="18" customHeight="1">
      <c r="A10" s="30" t="s">
        <v>85</v>
      </c>
      <c r="B10" s="31" t="s">
        <v>86</v>
      </c>
      <c r="C10" s="32" t="s">
        <v>85</v>
      </c>
      <c r="D10" s="385" t="s">
        <v>87</v>
      </c>
      <c r="E10" s="385"/>
      <c r="F10" s="386"/>
    </row>
    <row r="11" spans="1:6" ht="27" customHeight="1">
      <c r="A11" s="33"/>
      <c r="B11" s="5" t="s">
        <v>86</v>
      </c>
      <c r="C11" s="34"/>
      <c r="D11" s="283"/>
      <c r="E11" s="283"/>
      <c r="F11" s="284"/>
    </row>
    <row r="12" spans="1:6" ht="27" customHeight="1">
      <c r="A12" s="35"/>
      <c r="B12" s="5" t="s">
        <v>86</v>
      </c>
      <c r="C12" s="36"/>
      <c r="D12" s="308"/>
      <c r="E12" s="308"/>
      <c r="F12" s="387"/>
    </row>
    <row r="13" spans="1:6" ht="18" customHeight="1">
      <c r="A13" s="388" t="s">
        <v>85</v>
      </c>
      <c r="B13" s="390" t="s">
        <v>86</v>
      </c>
      <c r="C13" s="390" t="s">
        <v>85</v>
      </c>
      <c r="D13" s="392" t="s">
        <v>88</v>
      </c>
      <c r="E13" s="392"/>
      <c r="F13" s="393"/>
    </row>
    <row r="14" spans="1:6" ht="18" customHeight="1">
      <c r="A14" s="389"/>
      <c r="B14" s="391"/>
      <c r="C14" s="391"/>
      <c r="D14" s="394" t="s">
        <v>70</v>
      </c>
      <c r="E14" s="395"/>
      <c r="F14" s="37" t="s">
        <v>71</v>
      </c>
    </row>
    <row r="15" spans="1:6" ht="27" customHeight="1">
      <c r="A15" s="33"/>
      <c r="B15" s="5" t="s">
        <v>86</v>
      </c>
      <c r="C15" s="34"/>
      <c r="D15" s="304"/>
      <c r="E15" s="399"/>
      <c r="F15" s="38"/>
    </row>
    <row r="16" spans="1:6" ht="27" customHeight="1">
      <c r="A16" s="35"/>
      <c r="B16" s="5" t="s">
        <v>86</v>
      </c>
      <c r="C16" s="36"/>
      <c r="D16" s="304"/>
      <c r="E16" s="399"/>
      <c r="F16" s="38"/>
    </row>
    <row r="17" spans="1:6" ht="27" customHeight="1">
      <c r="A17" s="35"/>
      <c r="B17" s="5"/>
      <c r="C17" s="36"/>
      <c r="D17" s="304"/>
      <c r="E17" s="399"/>
      <c r="F17" s="38"/>
    </row>
    <row r="18" spans="1:6" ht="27" customHeight="1">
      <c r="A18" s="35"/>
      <c r="B18" s="5" t="s">
        <v>86</v>
      </c>
      <c r="C18" s="36"/>
      <c r="D18" s="304"/>
      <c r="E18" s="399"/>
      <c r="F18" s="38"/>
    </row>
    <row r="19" spans="1:6" ht="27" customHeight="1">
      <c r="A19" s="35"/>
      <c r="B19" s="5" t="s">
        <v>86</v>
      </c>
      <c r="C19" s="36"/>
      <c r="D19" s="304"/>
      <c r="E19" s="399"/>
      <c r="F19" s="38"/>
    </row>
    <row r="20" spans="1:6" ht="27" customHeight="1">
      <c r="A20" s="35"/>
      <c r="B20" s="5" t="s">
        <v>86</v>
      </c>
      <c r="C20" s="36"/>
      <c r="D20" s="304"/>
      <c r="E20" s="399"/>
      <c r="F20" s="38"/>
    </row>
    <row r="21" spans="1:6" ht="27" customHeight="1">
      <c r="A21" s="35"/>
      <c r="B21" s="5" t="s">
        <v>86</v>
      </c>
      <c r="C21" s="36"/>
      <c r="D21" s="304"/>
      <c r="E21" s="399"/>
      <c r="F21" s="39"/>
    </row>
    <row r="22" spans="1:6" ht="18" customHeight="1">
      <c r="A22" s="40" t="s">
        <v>85</v>
      </c>
      <c r="B22" s="41" t="s">
        <v>86</v>
      </c>
      <c r="C22" s="42" t="s">
        <v>85</v>
      </c>
      <c r="D22" s="400" t="s">
        <v>89</v>
      </c>
      <c r="E22" s="400"/>
      <c r="F22" s="401"/>
    </row>
    <row r="23" spans="1:6" ht="27" customHeight="1">
      <c r="A23" s="33"/>
      <c r="B23" s="5" t="s">
        <v>86</v>
      </c>
      <c r="C23" s="34"/>
      <c r="D23" s="283"/>
      <c r="E23" s="283"/>
      <c r="F23" s="284"/>
    </row>
    <row r="24" spans="1:6" ht="27" customHeight="1">
      <c r="A24" s="35"/>
      <c r="B24" s="5" t="s">
        <v>86</v>
      </c>
      <c r="C24" s="36"/>
      <c r="D24" s="283"/>
      <c r="E24" s="283"/>
      <c r="F24" s="284"/>
    </row>
    <row r="25" spans="1:6" ht="27" customHeight="1">
      <c r="A25" s="35"/>
      <c r="B25" s="5" t="s">
        <v>86</v>
      </c>
      <c r="C25" s="36"/>
      <c r="D25" s="283"/>
      <c r="E25" s="283"/>
      <c r="F25" s="284"/>
    </row>
    <row r="26" spans="1:6" ht="14.25">
      <c r="A26" s="43" t="s">
        <v>85</v>
      </c>
      <c r="B26" s="396" t="s">
        <v>73</v>
      </c>
      <c r="C26" s="397"/>
      <c r="D26" s="397"/>
      <c r="E26" s="397"/>
      <c r="F26" s="398"/>
    </row>
    <row r="27" spans="1:6" ht="27" customHeight="1">
      <c r="A27" s="44"/>
      <c r="B27" s="402"/>
      <c r="C27" s="403"/>
      <c r="D27" s="403"/>
      <c r="E27" s="403"/>
      <c r="F27" s="404"/>
    </row>
    <row r="28" spans="1:6" ht="27" customHeight="1">
      <c r="A28" s="44"/>
      <c r="B28" s="402"/>
      <c r="C28" s="403"/>
      <c r="D28" s="403"/>
      <c r="E28" s="403"/>
      <c r="F28" s="404"/>
    </row>
    <row r="29" spans="1:6" ht="27" customHeight="1">
      <c r="A29" s="44"/>
      <c r="B29" s="402"/>
      <c r="C29" s="403"/>
      <c r="D29" s="403"/>
      <c r="E29" s="403"/>
      <c r="F29" s="404"/>
    </row>
    <row r="30" spans="1:6" ht="14.25">
      <c r="A30" s="43" t="s">
        <v>85</v>
      </c>
      <c r="B30" s="396" t="s">
        <v>74</v>
      </c>
      <c r="C30" s="397"/>
      <c r="D30" s="397"/>
      <c r="E30" s="397"/>
      <c r="F30" s="398"/>
    </row>
    <row r="31" spans="1:6" ht="27" customHeight="1">
      <c r="A31" s="44"/>
      <c r="B31" s="402"/>
      <c r="C31" s="403"/>
      <c r="D31" s="403"/>
      <c r="E31" s="403"/>
      <c r="F31" s="404"/>
    </row>
    <row r="32" spans="1:6" ht="27" customHeight="1">
      <c r="A32" s="44"/>
      <c r="B32" s="402"/>
      <c r="C32" s="403"/>
      <c r="D32" s="403"/>
      <c r="E32" s="403"/>
      <c r="F32" s="404"/>
    </row>
    <row r="33" spans="1:6" ht="27" customHeight="1">
      <c r="A33" s="44"/>
      <c r="B33" s="402"/>
      <c r="C33" s="403"/>
      <c r="D33" s="403"/>
      <c r="E33" s="403"/>
      <c r="F33" s="404"/>
    </row>
    <row r="34" spans="1:6" ht="42" customHeight="1" thickBot="1">
      <c r="A34" s="45" t="s">
        <v>90</v>
      </c>
      <c r="B34" s="405"/>
      <c r="C34" s="406"/>
      <c r="D34" s="406"/>
      <c r="E34" s="406"/>
      <c r="F34" s="407"/>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topLeftCell="A28" workbookViewId="0">
      <selection activeCell="I8" sqref="I8"/>
    </sheetView>
  </sheetViews>
  <sheetFormatPr defaultRowHeight="13.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c r="A1" s="1" t="s">
        <v>82</v>
      </c>
    </row>
    <row r="2" spans="1:8" ht="21" customHeight="1">
      <c r="A2" s="411" t="s">
        <v>92</v>
      </c>
      <c r="B2" s="411"/>
      <c r="C2" s="411"/>
      <c r="D2" s="411"/>
      <c r="E2" s="411"/>
      <c r="F2" s="411"/>
      <c r="G2" s="411"/>
      <c r="H2" s="411"/>
    </row>
    <row r="4" spans="1:8" ht="18" customHeight="1">
      <c r="A4" s="4" t="s">
        <v>93</v>
      </c>
    </row>
    <row r="5" spans="1:8" ht="21" customHeight="1">
      <c r="A5" s="56" t="s">
        <v>79</v>
      </c>
      <c r="B5" s="56" t="s">
        <v>94</v>
      </c>
      <c r="C5" s="56" t="s">
        <v>95</v>
      </c>
      <c r="D5" s="56" t="s">
        <v>96</v>
      </c>
      <c r="E5" s="56" t="s">
        <v>97</v>
      </c>
      <c r="F5" s="56" t="s">
        <v>98</v>
      </c>
      <c r="G5" s="57" t="s">
        <v>99</v>
      </c>
      <c r="H5" s="58" t="s">
        <v>100</v>
      </c>
    </row>
    <row r="6" spans="1:8" ht="21" customHeight="1">
      <c r="A6" s="59" t="s">
        <v>101</v>
      </c>
      <c r="B6" s="60"/>
      <c r="C6" s="60"/>
      <c r="D6" s="60"/>
      <c r="E6" s="60"/>
      <c r="F6" s="60"/>
      <c r="G6" s="61"/>
      <c r="H6" s="62"/>
    </row>
    <row r="7" spans="1:8" ht="21" customHeight="1">
      <c r="A7" s="59" t="s">
        <v>102</v>
      </c>
      <c r="B7" s="63" t="s">
        <v>103</v>
      </c>
      <c r="C7" s="63" t="s">
        <v>104</v>
      </c>
      <c r="D7" s="63" t="s">
        <v>104</v>
      </c>
      <c r="E7" s="270" t="s">
        <v>487</v>
      </c>
      <c r="F7" s="270" t="s">
        <v>488</v>
      </c>
      <c r="G7" s="271" t="s">
        <v>488</v>
      </c>
      <c r="H7" s="64"/>
    </row>
    <row r="8" spans="1:8" ht="21" customHeight="1">
      <c r="A8" s="59" t="s">
        <v>105</v>
      </c>
      <c r="B8" s="60"/>
      <c r="C8" s="60"/>
      <c r="D8" s="60"/>
      <c r="E8" s="60"/>
      <c r="F8" s="60"/>
      <c r="G8" s="61"/>
      <c r="H8" s="62"/>
    </row>
    <row r="9" spans="1:8">
      <c r="A9" s="65"/>
    </row>
    <row r="11" spans="1:8" ht="18" customHeight="1">
      <c r="A11" s="4" t="s">
        <v>106</v>
      </c>
    </row>
    <row r="12" spans="1:8" ht="41.25" customHeight="1">
      <c r="A12" s="56" t="s">
        <v>7</v>
      </c>
      <c r="B12" s="56" t="s">
        <v>107</v>
      </c>
      <c r="C12" s="56" t="s">
        <v>108</v>
      </c>
      <c r="D12" s="66" t="s">
        <v>109</v>
      </c>
      <c r="E12" s="56" t="s">
        <v>110</v>
      </c>
      <c r="F12" s="56" t="s">
        <v>111</v>
      </c>
      <c r="G12" s="67" t="s">
        <v>112</v>
      </c>
      <c r="H12" s="58" t="s">
        <v>113</v>
      </c>
    </row>
    <row r="13" spans="1:8" ht="21" customHeight="1">
      <c r="A13" s="68" t="s">
        <v>114</v>
      </c>
      <c r="B13" s="60"/>
      <c r="C13" s="60"/>
      <c r="D13" s="60"/>
      <c r="E13" s="60"/>
      <c r="F13" s="60"/>
      <c r="G13" s="61"/>
      <c r="H13" s="62"/>
    </row>
    <row r="14" spans="1:8" ht="21" customHeight="1" thickBot="1">
      <c r="A14" s="69" t="s">
        <v>115</v>
      </c>
      <c r="B14" s="70"/>
      <c r="C14" s="70"/>
      <c r="D14" s="70"/>
      <c r="E14" s="70"/>
      <c r="F14" s="70"/>
      <c r="G14" s="71"/>
      <c r="H14" s="72"/>
    </row>
    <row r="15" spans="1:8" ht="21" customHeight="1" thickTop="1">
      <c r="A15" s="73" t="s">
        <v>116</v>
      </c>
      <c r="B15" s="74"/>
      <c r="C15" s="74"/>
      <c r="D15" s="74"/>
      <c r="E15" s="74"/>
      <c r="F15" s="74"/>
      <c r="G15" s="75"/>
      <c r="H15" s="76"/>
    </row>
    <row r="16" spans="1:8" ht="15" customHeight="1">
      <c r="A16" s="412" t="s">
        <v>117</v>
      </c>
      <c r="B16" s="413"/>
      <c r="C16" s="414"/>
      <c r="D16" s="418" t="s">
        <v>118</v>
      </c>
      <c r="E16" s="419"/>
      <c r="F16" s="419"/>
      <c r="G16" s="419"/>
      <c r="H16" s="420"/>
    </row>
    <row r="17" spans="1:8" ht="15" customHeight="1">
      <c r="A17" s="415"/>
      <c r="B17" s="416"/>
      <c r="C17" s="417"/>
      <c r="D17" s="421" t="s">
        <v>119</v>
      </c>
      <c r="E17" s="422"/>
      <c r="F17" s="422"/>
      <c r="G17" s="422"/>
      <c r="H17" s="423"/>
    </row>
    <row r="18" spans="1:8" ht="30" customHeight="1">
      <c r="A18" s="424" t="s">
        <v>120</v>
      </c>
      <c r="B18" s="425"/>
      <c r="C18" s="426"/>
      <c r="D18" s="427" t="s">
        <v>121</v>
      </c>
      <c r="E18" s="428"/>
      <c r="F18" s="428"/>
      <c r="G18" s="428"/>
      <c r="H18" s="429"/>
    </row>
    <row r="20" spans="1:8" ht="18" customHeight="1">
      <c r="A20" s="77" t="s">
        <v>122</v>
      </c>
      <c r="B20" s="77"/>
      <c r="C20" s="77"/>
      <c r="D20" s="77"/>
      <c r="E20" s="77"/>
      <c r="F20" s="77"/>
      <c r="G20" s="77"/>
      <c r="H20" s="77"/>
    </row>
    <row r="21" spans="1:8" ht="18" customHeight="1">
      <c r="A21" s="430" t="s">
        <v>123</v>
      </c>
      <c r="B21" s="431"/>
      <c r="C21" s="431"/>
      <c r="D21" s="431"/>
      <c r="E21" s="431"/>
      <c r="F21" s="431"/>
      <c r="G21" s="431"/>
      <c r="H21" s="432"/>
    </row>
    <row r="22" spans="1:8" ht="72" customHeight="1">
      <c r="A22" s="433"/>
      <c r="B22" s="434"/>
      <c r="C22" s="434"/>
      <c r="D22" s="434"/>
      <c r="E22" s="434"/>
      <c r="F22" s="434"/>
      <c r="G22" s="434"/>
      <c r="H22" s="435"/>
    </row>
    <row r="23" spans="1:8" ht="13.5" customHeight="1"/>
    <row r="24" spans="1:8" ht="18" customHeight="1">
      <c r="A24" s="77" t="s">
        <v>124</v>
      </c>
      <c r="B24" s="77"/>
      <c r="C24" s="77"/>
      <c r="D24" s="77"/>
      <c r="E24" s="77"/>
      <c r="F24" s="77"/>
      <c r="G24" s="77"/>
      <c r="H24" s="77"/>
    </row>
    <row r="25" spans="1:8" ht="72" customHeight="1">
      <c r="A25" s="436"/>
      <c r="B25" s="437"/>
      <c r="C25" s="437"/>
      <c r="D25" s="437"/>
      <c r="E25" s="437"/>
      <c r="F25" s="437"/>
      <c r="G25" s="437"/>
      <c r="H25" s="438"/>
    </row>
    <row r="27" spans="1:8" ht="18" customHeight="1">
      <c r="A27" s="77" t="s">
        <v>125</v>
      </c>
      <c r="B27" s="77"/>
      <c r="C27" s="77"/>
      <c r="D27" s="77"/>
      <c r="E27" s="77"/>
      <c r="F27" s="77"/>
      <c r="G27" s="77"/>
      <c r="H27" s="77"/>
    </row>
    <row r="28" spans="1:8" ht="72" customHeight="1">
      <c r="A28" s="436"/>
      <c r="B28" s="437"/>
      <c r="C28" s="437"/>
      <c r="D28" s="437"/>
      <c r="E28" s="437"/>
      <c r="F28" s="437"/>
      <c r="G28" s="437"/>
      <c r="H28" s="438"/>
    </row>
    <row r="30" spans="1:8" ht="18" customHeight="1">
      <c r="A30" s="77" t="s">
        <v>126</v>
      </c>
      <c r="B30" s="77"/>
      <c r="C30" s="77"/>
      <c r="D30" s="77"/>
      <c r="E30" s="77"/>
      <c r="F30" s="77"/>
      <c r="G30" s="77"/>
      <c r="H30" s="77"/>
    </row>
    <row r="31" spans="1:8" ht="84" customHeight="1">
      <c r="A31" s="436"/>
      <c r="B31" s="437"/>
      <c r="C31" s="437"/>
      <c r="D31" s="437"/>
      <c r="E31" s="437"/>
      <c r="F31" s="437"/>
      <c r="G31" s="437"/>
      <c r="H31" s="438"/>
    </row>
  </sheetData>
  <mergeCells count="11">
    <mergeCell ref="A21:H21"/>
    <mergeCell ref="A22:H22"/>
    <mergeCell ref="A25:H25"/>
    <mergeCell ref="A28:H28"/>
    <mergeCell ref="A31:H31"/>
    <mergeCell ref="A2:H2"/>
    <mergeCell ref="A16:C17"/>
    <mergeCell ref="D16:H16"/>
    <mergeCell ref="D17:H17"/>
    <mergeCell ref="A18:C18"/>
    <mergeCell ref="D18:H18"/>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cols>
    <col min="1" max="1" width="10.25" style="78" customWidth="1"/>
    <col min="2" max="256" width="4.625" style="78"/>
    <col min="257" max="257" width="10.25" style="78" customWidth="1"/>
    <col min="258" max="512" width="4.625" style="78"/>
    <col min="513" max="513" width="10.25" style="78" customWidth="1"/>
    <col min="514" max="768" width="4.625" style="78"/>
    <col min="769" max="769" width="10.25" style="78" customWidth="1"/>
    <col min="770" max="1024" width="4.625" style="78"/>
    <col min="1025" max="1025" width="10.25" style="78" customWidth="1"/>
    <col min="1026" max="1280" width="4.625" style="78"/>
    <col min="1281" max="1281" width="10.25" style="78" customWidth="1"/>
    <col min="1282" max="1536" width="4.625" style="78"/>
    <col min="1537" max="1537" width="10.25" style="78" customWidth="1"/>
    <col min="1538" max="1792" width="4.625" style="78"/>
    <col min="1793" max="1793" width="10.25" style="78" customWidth="1"/>
    <col min="1794" max="2048" width="4.625" style="78"/>
    <col min="2049" max="2049" width="10.25" style="78" customWidth="1"/>
    <col min="2050" max="2304" width="4.625" style="78"/>
    <col min="2305" max="2305" width="10.25" style="78" customWidth="1"/>
    <col min="2306" max="2560" width="4.625" style="78"/>
    <col min="2561" max="2561" width="10.25" style="78" customWidth="1"/>
    <col min="2562" max="2816" width="4.625" style="78"/>
    <col min="2817" max="2817" width="10.25" style="78" customWidth="1"/>
    <col min="2818" max="3072" width="4.625" style="78"/>
    <col min="3073" max="3073" width="10.25" style="78" customWidth="1"/>
    <col min="3074" max="3328" width="4.625" style="78"/>
    <col min="3329" max="3329" width="10.25" style="78" customWidth="1"/>
    <col min="3330" max="3584" width="4.625" style="78"/>
    <col min="3585" max="3585" width="10.25" style="78" customWidth="1"/>
    <col min="3586" max="3840" width="4.625" style="78"/>
    <col min="3841" max="3841" width="10.25" style="78" customWidth="1"/>
    <col min="3842" max="4096" width="4.625" style="78"/>
    <col min="4097" max="4097" width="10.25" style="78" customWidth="1"/>
    <col min="4098" max="4352" width="4.625" style="78"/>
    <col min="4353" max="4353" width="10.25" style="78" customWidth="1"/>
    <col min="4354" max="4608" width="4.625" style="78"/>
    <col min="4609" max="4609" width="10.25" style="78" customWidth="1"/>
    <col min="4610" max="4864" width="4.625" style="78"/>
    <col min="4865" max="4865" width="10.25" style="78" customWidth="1"/>
    <col min="4866" max="5120" width="4.625" style="78"/>
    <col min="5121" max="5121" width="10.25" style="78" customWidth="1"/>
    <col min="5122" max="5376" width="4.625" style="78"/>
    <col min="5377" max="5377" width="10.25" style="78" customWidth="1"/>
    <col min="5378" max="5632" width="4.625" style="78"/>
    <col min="5633" max="5633" width="10.25" style="78" customWidth="1"/>
    <col min="5634" max="5888" width="4.625" style="78"/>
    <col min="5889" max="5889" width="10.25" style="78" customWidth="1"/>
    <col min="5890" max="6144" width="4.625" style="78"/>
    <col min="6145" max="6145" width="10.25" style="78" customWidth="1"/>
    <col min="6146" max="6400" width="4.625" style="78"/>
    <col min="6401" max="6401" width="10.25" style="78" customWidth="1"/>
    <col min="6402" max="6656" width="4.625" style="78"/>
    <col min="6657" max="6657" width="10.25" style="78" customWidth="1"/>
    <col min="6658" max="6912" width="4.625" style="78"/>
    <col min="6913" max="6913" width="10.25" style="78" customWidth="1"/>
    <col min="6914" max="7168" width="4.625" style="78"/>
    <col min="7169" max="7169" width="10.25" style="78" customWidth="1"/>
    <col min="7170" max="7424" width="4.625" style="78"/>
    <col min="7425" max="7425" width="10.25" style="78" customWidth="1"/>
    <col min="7426" max="7680" width="4.625" style="78"/>
    <col min="7681" max="7681" width="10.25" style="78" customWidth="1"/>
    <col min="7682" max="7936" width="4.625" style="78"/>
    <col min="7937" max="7937" width="10.25" style="78" customWidth="1"/>
    <col min="7938" max="8192" width="4.625" style="78"/>
    <col min="8193" max="8193" width="10.25" style="78" customWidth="1"/>
    <col min="8194" max="8448" width="4.625" style="78"/>
    <col min="8449" max="8449" width="10.25" style="78" customWidth="1"/>
    <col min="8450" max="8704" width="4.625" style="78"/>
    <col min="8705" max="8705" width="10.25" style="78" customWidth="1"/>
    <col min="8706" max="8960" width="4.625" style="78"/>
    <col min="8961" max="8961" width="10.25" style="78" customWidth="1"/>
    <col min="8962" max="9216" width="4.625" style="78"/>
    <col min="9217" max="9217" width="10.25" style="78" customWidth="1"/>
    <col min="9218" max="9472" width="4.625" style="78"/>
    <col min="9473" max="9473" width="10.25" style="78" customWidth="1"/>
    <col min="9474" max="9728" width="4.625" style="78"/>
    <col min="9729" max="9729" width="10.25" style="78" customWidth="1"/>
    <col min="9730" max="9984" width="4.625" style="78"/>
    <col min="9985" max="9985" width="10.25" style="78" customWidth="1"/>
    <col min="9986" max="10240" width="4.625" style="78"/>
    <col min="10241" max="10241" width="10.25" style="78" customWidth="1"/>
    <col min="10242" max="10496" width="4.625" style="78"/>
    <col min="10497" max="10497" width="10.25" style="78" customWidth="1"/>
    <col min="10498" max="10752" width="4.625" style="78"/>
    <col min="10753" max="10753" width="10.25" style="78" customWidth="1"/>
    <col min="10754" max="11008" width="4.625" style="78"/>
    <col min="11009" max="11009" width="10.25" style="78" customWidth="1"/>
    <col min="11010" max="11264" width="4.625" style="78"/>
    <col min="11265" max="11265" width="10.25" style="78" customWidth="1"/>
    <col min="11266" max="11520" width="4.625" style="78"/>
    <col min="11521" max="11521" width="10.25" style="78" customWidth="1"/>
    <col min="11522" max="11776" width="4.625" style="78"/>
    <col min="11777" max="11777" width="10.25" style="78" customWidth="1"/>
    <col min="11778" max="12032" width="4.625" style="78"/>
    <col min="12033" max="12033" width="10.25" style="78" customWidth="1"/>
    <col min="12034" max="12288" width="4.625" style="78"/>
    <col min="12289" max="12289" width="10.25" style="78" customWidth="1"/>
    <col min="12290" max="12544" width="4.625" style="78"/>
    <col min="12545" max="12545" width="10.25" style="78" customWidth="1"/>
    <col min="12546" max="12800" width="4.625" style="78"/>
    <col min="12801" max="12801" width="10.25" style="78" customWidth="1"/>
    <col min="12802" max="13056" width="4.625" style="78"/>
    <col min="13057" max="13057" width="10.25" style="78" customWidth="1"/>
    <col min="13058" max="13312" width="4.625" style="78"/>
    <col min="13313" max="13313" width="10.25" style="78" customWidth="1"/>
    <col min="13314" max="13568" width="4.625" style="78"/>
    <col min="13569" max="13569" width="10.25" style="78" customWidth="1"/>
    <col min="13570" max="13824" width="4.625" style="78"/>
    <col min="13825" max="13825" width="10.25" style="78" customWidth="1"/>
    <col min="13826" max="14080" width="4.625" style="78"/>
    <col min="14081" max="14081" width="10.25" style="78" customWidth="1"/>
    <col min="14082" max="14336" width="4.625" style="78"/>
    <col min="14337" max="14337" width="10.25" style="78" customWidth="1"/>
    <col min="14338" max="14592" width="4.625" style="78"/>
    <col min="14593" max="14593" width="10.25" style="78" customWidth="1"/>
    <col min="14594" max="14848" width="4.625" style="78"/>
    <col min="14849" max="14849" width="10.25" style="78" customWidth="1"/>
    <col min="14850" max="15104" width="4.625" style="78"/>
    <col min="15105" max="15105" width="10.25" style="78" customWidth="1"/>
    <col min="15106" max="15360" width="4.625" style="78"/>
    <col min="15361" max="15361" width="10.25" style="78" customWidth="1"/>
    <col min="15362" max="15616" width="4.625" style="78"/>
    <col min="15617" max="15617" width="10.25" style="78" customWidth="1"/>
    <col min="15618" max="15872" width="4.625" style="78"/>
    <col min="15873" max="15873" width="10.25" style="78" customWidth="1"/>
    <col min="15874" max="16128" width="4.625" style="78"/>
    <col min="16129" max="16129" width="10.25" style="78" customWidth="1"/>
    <col min="16130" max="16384" width="4.625" style="78"/>
  </cols>
  <sheetData>
    <row r="1" spans="1:27" ht="15" customHeight="1">
      <c r="A1" s="78" t="s">
        <v>91</v>
      </c>
    </row>
    <row r="2" spans="1:27" ht="21" customHeight="1">
      <c r="A2" s="79" t="s">
        <v>128</v>
      </c>
    </row>
    <row r="3" spans="1:27" ht="12" customHeight="1"/>
    <row r="4" spans="1:27" ht="15.75" customHeight="1">
      <c r="A4" s="80" t="s">
        <v>129</v>
      </c>
      <c r="B4" s="439">
        <v>0.29166666666666669</v>
      </c>
      <c r="C4" s="439"/>
      <c r="D4" s="439">
        <v>0.33333333333333331</v>
      </c>
      <c r="E4" s="439"/>
      <c r="F4" s="439">
        <v>0.375</v>
      </c>
      <c r="G4" s="439"/>
      <c r="H4" s="439">
        <v>0.41666666666666669</v>
      </c>
      <c r="I4" s="439"/>
      <c r="J4" s="439">
        <v>0.45833333333333331</v>
      </c>
      <c r="K4" s="439"/>
      <c r="L4" s="439">
        <v>0.5</v>
      </c>
      <c r="M4" s="439"/>
      <c r="N4" s="439">
        <v>0.54166666666666663</v>
      </c>
      <c r="O4" s="439"/>
      <c r="P4" s="439">
        <v>0.58333333333333337</v>
      </c>
      <c r="Q4" s="439"/>
      <c r="R4" s="439">
        <v>0.625</v>
      </c>
      <c r="S4" s="439"/>
      <c r="T4" s="439">
        <v>0.66666666666666663</v>
      </c>
      <c r="U4" s="439"/>
      <c r="V4" s="439">
        <v>0.70833333333333337</v>
      </c>
      <c r="W4" s="439"/>
      <c r="X4" s="439">
        <v>0.75</v>
      </c>
      <c r="Y4" s="439"/>
      <c r="Z4" s="439">
        <v>0.79166666666666663</v>
      </c>
      <c r="AA4" s="440"/>
    </row>
    <row r="5" spans="1:27" ht="12" customHeight="1">
      <c r="A5" s="81" t="s">
        <v>130</v>
      </c>
      <c r="B5" s="82"/>
      <c r="C5" s="83"/>
      <c r="D5" s="84"/>
      <c r="E5" s="85"/>
      <c r="F5" s="86"/>
      <c r="G5" s="82"/>
      <c r="H5" s="86"/>
      <c r="I5" s="82"/>
      <c r="J5" s="86"/>
      <c r="K5" s="82"/>
      <c r="L5" s="86"/>
      <c r="M5" s="82"/>
      <c r="N5" s="86"/>
      <c r="O5" s="82"/>
      <c r="P5" s="86"/>
      <c r="Q5" s="82"/>
      <c r="R5" s="86"/>
      <c r="S5" s="82"/>
      <c r="T5" s="86"/>
      <c r="U5" s="82"/>
      <c r="V5" s="86"/>
      <c r="W5" s="82"/>
      <c r="X5" s="86"/>
      <c r="Y5" s="84"/>
      <c r="Z5" s="87"/>
      <c r="AA5" s="88"/>
    </row>
    <row r="6" spans="1:27" ht="12" customHeight="1">
      <c r="A6" s="89" t="s">
        <v>131</v>
      </c>
      <c r="B6" s="90"/>
      <c r="C6" s="91"/>
      <c r="D6" s="92"/>
      <c r="E6" s="93"/>
      <c r="F6" s="94"/>
      <c r="G6" s="95"/>
      <c r="H6" s="96"/>
      <c r="I6" s="95"/>
      <c r="J6" s="96"/>
      <c r="K6" s="95"/>
      <c r="L6" s="96"/>
      <c r="M6" s="95"/>
      <c r="N6" s="96"/>
      <c r="O6" s="95"/>
      <c r="P6" s="96"/>
      <c r="Q6" s="95"/>
      <c r="R6" s="96"/>
      <c r="S6" s="95"/>
      <c r="T6" s="96"/>
      <c r="U6" s="95"/>
      <c r="V6" s="96"/>
      <c r="W6" s="90"/>
      <c r="X6" s="94"/>
      <c r="Y6" s="92"/>
      <c r="Z6" s="97"/>
      <c r="AA6" s="98"/>
    </row>
    <row r="7" spans="1:27" ht="12" customHeight="1">
      <c r="A7" s="99" t="s">
        <v>132</v>
      </c>
      <c r="B7" s="100"/>
      <c r="C7" s="101"/>
      <c r="D7" s="102"/>
      <c r="E7" s="103"/>
      <c r="F7" s="104"/>
      <c r="G7" s="102"/>
      <c r="H7" s="104"/>
      <c r="I7" s="102"/>
      <c r="J7" s="104"/>
      <c r="K7" s="102"/>
      <c r="L7" s="104"/>
      <c r="M7" s="102"/>
      <c r="N7" s="104"/>
      <c r="O7" s="102"/>
      <c r="P7" s="104"/>
      <c r="Q7" s="102"/>
      <c r="R7" s="104"/>
      <c r="S7" s="102"/>
      <c r="T7" s="104"/>
      <c r="U7" s="102"/>
      <c r="V7" s="104"/>
      <c r="W7" s="102"/>
      <c r="X7" s="104"/>
      <c r="Y7" s="102"/>
      <c r="Z7" s="105"/>
      <c r="AA7" s="106"/>
    </row>
    <row r="8" spans="1:27" ht="12" customHeight="1">
      <c r="A8" s="107" t="s">
        <v>133</v>
      </c>
      <c r="B8" s="90"/>
      <c r="C8" s="108"/>
      <c r="D8" s="90"/>
      <c r="E8" s="93"/>
      <c r="F8" s="97"/>
      <c r="G8" s="90"/>
      <c r="H8" s="97"/>
      <c r="I8" s="90"/>
      <c r="J8" s="97"/>
      <c r="K8" s="90"/>
      <c r="L8" s="97"/>
      <c r="M8" s="90"/>
      <c r="N8" s="97"/>
      <c r="O8" s="90"/>
      <c r="P8" s="97"/>
      <c r="Q8" s="90"/>
      <c r="R8" s="97"/>
      <c r="S8" s="90"/>
      <c r="T8" s="97"/>
      <c r="U8" s="90"/>
      <c r="V8" s="97"/>
      <c r="W8" s="90"/>
      <c r="X8" s="97"/>
      <c r="Y8" s="90"/>
      <c r="Z8" s="97"/>
      <c r="AA8" s="98"/>
    </row>
    <row r="9" spans="1:27" ht="12" customHeight="1">
      <c r="A9" s="89" t="s">
        <v>134</v>
      </c>
      <c r="B9" s="90"/>
      <c r="C9" s="108"/>
      <c r="D9" s="90"/>
      <c r="E9" s="93"/>
      <c r="F9" s="97"/>
      <c r="G9" s="90"/>
      <c r="H9" s="97"/>
      <c r="I9" s="90"/>
      <c r="J9" s="97"/>
      <c r="K9" s="90"/>
      <c r="L9" s="97"/>
      <c r="M9" s="90"/>
      <c r="N9" s="97"/>
      <c r="O9" s="90"/>
      <c r="P9" s="97"/>
      <c r="Q9" s="90"/>
      <c r="R9" s="97"/>
      <c r="S9" s="90"/>
      <c r="T9" s="97"/>
      <c r="U9" s="90"/>
      <c r="V9" s="97"/>
      <c r="W9" s="90"/>
      <c r="X9" s="97"/>
      <c r="Y9" s="90"/>
      <c r="Z9" s="97"/>
      <c r="AA9" s="98"/>
    </row>
    <row r="10" spans="1:27" ht="12" customHeight="1">
      <c r="A10" s="89" t="s">
        <v>135</v>
      </c>
      <c r="B10" s="90"/>
      <c r="C10" s="108"/>
      <c r="D10" s="90"/>
      <c r="E10" s="93"/>
      <c r="F10" s="97"/>
      <c r="G10" s="90"/>
      <c r="H10" s="97"/>
      <c r="I10" s="90"/>
      <c r="J10" s="97"/>
      <c r="K10" s="90"/>
      <c r="L10" s="97"/>
      <c r="M10" s="90"/>
      <c r="N10" s="97"/>
      <c r="O10" s="90"/>
      <c r="P10" s="97"/>
      <c r="Q10" s="90"/>
      <c r="R10" s="97"/>
      <c r="S10" s="90"/>
      <c r="T10" s="97"/>
      <c r="U10" s="90"/>
      <c r="V10" s="97"/>
      <c r="W10" s="90"/>
      <c r="X10" s="97"/>
      <c r="Y10" s="90"/>
      <c r="Z10" s="97"/>
      <c r="AA10" s="98"/>
    </row>
    <row r="11" spans="1:27" ht="12" customHeight="1">
      <c r="A11" s="89" t="s">
        <v>136</v>
      </c>
      <c r="B11" s="90"/>
      <c r="C11" s="108"/>
      <c r="D11" s="90"/>
      <c r="E11" s="93"/>
      <c r="F11" s="97"/>
      <c r="G11" s="90"/>
      <c r="H11" s="97"/>
      <c r="I11" s="90"/>
      <c r="J11" s="97"/>
      <c r="K11" s="90"/>
      <c r="L11" s="97"/>
      <c r="M11" s="90"/>
      <c r="N11" s="97"/>
      <c r="O11" s="90"/>
      <c r="P11" s="97"/>
      <c r="Q11" s="90"/>
      <c r="R11" s="97"/>
      <c r="S11" s="90"/>
      <c r="T11" s="97"/>
      <c r="U11" s="90"/>
      <c r="V11" s="97"/>
      <c r="W11" s="90"/>
      <c r="X11" s="97"/>
      <c r="Y11" s="90"/>
      <c r="Z11" s="97"/>
      <c r="AA11" s="98"/>
    </row>
    <row r="12" spans="1:27" ht="12" customHeight="1">
      <c r="A12" s="89" t="s">
        <v>137</v>
      </c>
      <c r="B12" s="90"/>
      <c r="C12" s="108"/>
      <c r="D12" s="90"/>
      <c r="E12" s="93"/>
      <c r="F12" s="97"/>
      <c r="G12" s="90"/>
      <c r="H12" s="97"/>
      <c r="I12" s="90"/>
      <c r="J12" s="97"/>
      <c r="K12" s="90"/>
      <c r="L12" s="97"/>
      <c r="M12" s="90"/>
      <c r="N12" s="97"/>
      <c r="O12" s="90"/>
      <c r="P12" s="97"/>
      <c r="Q12" s="90"/>
      <c r="R12" s="97"/>
      <c r="S12" s="90"/>
      <c r="T12" s="97"/>
      <c r="U12" s="90"/>
      <c r="V12" s="97"/>
      <c r="W12" s="90"/>
      <c r="X12" s="97"/>
      <c r="Y12" s="90"/>
      <c r="Z12" s="97"/>
      <c r="AA12" s="98"/>
    </row>
    <row r="13" spans="1:27" ht="12" customHeight="1">
      <c r="A13" s="89" t="s">
        <v>138</v>
      </c>
      <c r="B13" s="90"/>
      <c r="C13" s="108"/>
      <c r="D13" s="90"/>
      <c r="E13" s="93"/>
      <c r="F13" s="97"/>
      <c r="G13" s="90"/>
      <c r="H13" s="97"/>
      <c r="I13" s="90"/>
      <c r="J13" s="97"/>
      <c r="K13" s="90"/>
      <c r="L13" s="97"/>
      <c r="M13" s="90"/>
      <c r="N13" s="97"/>
      <c r="O13" s="90"/>
      <c r="P13" s="97"/>
      <c r="Q13" s="90"/>
      <c r="R13" s="97"/>
      <c r="S13" s="90"/>
      <c r="T13" s="97"/>
      <c r="U13" s="90"/>
      <c r="V13" s="97"/>
      <c r="W13" s="90"/>
      <c r="X13" s="97"/>
      <c r="Y13" s="90"/>
      <c r="Z13" s="97"/>
      <c r="AA13" s="98"/>
    </row>
    <row r="14" spans="1:27" ht="12" customHeight="1">
      <c r="A14" s="89" t="s">
        <v>137</v>
      </c>
      <c r="B14" s="90"/>
      <c r="C14" s="108"/>
      <c r="D14" s="90"/>
      <c r="E14" s="93"/>
      <c r="F14" s="97"/>
      <c r="G14" s="90"/>
      <c r="H14" s="97"/>
      <c r="I14" s="90"/>
      <c r="J14" s="97"/>
      <c r="K14" s="90"/>
      <c r="L14" s="97"/>
      <c r="M14" s="90"/>
      <c r="N14" s="97"/>
      <c r="O14" s="90"/>
      <c r="P14" s="97"/>
      <c r="Q14" s="90"/>
      <c r="R14" s="97"/>
      <c r="S14" s="90"/>
      <c r="T14" s="97"/>
      <c r="U14" s="90"/>
      <c r="V14" s="97"/>
      <c r="W14" s="90"/>
      <c r="X14" s="97"/>
      <c r="Y14" s="90"/>
      <c r="Z14" s="97"/>
      <c r="AA14" s="98"/>
    </row>
    <row r="15" spans="1:27" ht="12" customHeight="1">
      <c r="A15" s="89"/>
      <c r="B15" s="90"/>
      <c r="C15" s="108"/>
      <c r="D15" s="90"/>
      <c r="E15" s="93"/>
      <c r="F15" s="97"/>
      <c r="G15" s="90"/>
      <c r="H15" s="97"/>
      <c r="I15" s="90"/>
      <c r="J15" s="97"/>
      <c r="K15" s="90"/>
      <c r="L15" s="97"/>
      <c r="M15" s="90"/>
      <c r="N15" s="97"/>
      <c r="O15" s="90"/>
      <c r="P15" s="97"/>
      <c r="Q15" s="90"/>
      <c r="R15" s="97"/>
      <c r="S15" s="90"/>
      <c r="T15" s="97"/>
      <c r="U15" s="90"/>
      <c r="V15" s="97"/>
      <c r="W15" s="90"/>
      <c r="X15" s="97"/>
      <c r="Y15" s="90"/>
      <c r="Z15" s="97"/>
      <c r="AA15" s="98"/>
    </row>
    <row r="16" spans="1:27" ht="12" customHeight="1">
      <c r="A16" s="89"/>
      <c r="B16" s="90"/>
      <c r="C16" s="108"/>
      <c r="D16" s="90"/>
      <c r="E16" s="93"/>
      <c r="F16" s="97"/>
      <c r="G16" s="90"/>
      <c r="H16" s="97"/>
      <c r="I16" s="90"/>
      <c r="J16" s="97"/>
      <c r="K16" s="90"/>
      <c r="L16" s="97"/>
      <c r="M16" s="90"/>
      <c r="N16" s="97"/>
      <c r="O16" s="90"/>
      <c r="P16" s="97"/>
      <c r="Q16" s="90"/>
      <c r="R16" s="97"/>
      <c r="S16" s="90"/>
      <c r="T16" s="97"/>
      <c r="U16" s="90"/>
      <c r="V16" s="97"/>
      <c r="W16" s="90"/>
      <c r="X16" s="97"/>
      <c r="Y16" s="90"/>
      <c r="Z16" s="97"/>
      <c r="AA16" s="98"/>
    </row>
    <row r="17" spans="1:27" ht="12" customHeight="1">
      <c r="A17" s="89"/>
      <c r="B17" s="90"/>
      <c r="C17" s="108"/>
      <c r="D17" s="90"/>
      <c r="E17" s="93"/>
      <c r="F17" s="97"/>
      <c r="G17" s="90"/>
      <c r="H17" s="97"/>
      <c r="I17" s="90"/>
      <c r="J17" s="97"/>
      <c r="K17" s="90"/>
      <c r="L17" s="97"/>
      <c r="M17" s="90"/>
      <c r="N17" s="97"/>
      <c r="O17" s="90"/>
      <c r="P17" s="97"/>
      <c r="Q17" s="90"/>
      <c r="R17" s="97"/>
      <c r="S17" s="90"/>
      <c r="T17" s="97"/>
      <c r="U17" s="90"/>
      <c r="V17" s="97"/>
      <c r="W17" s="90"/>
      <c r="X17" s="97"/>
      <c r="Y17" s="90"/>
      <c r="Z17" s="97"/>
      <c r="AA17" s="98"/>
    </row>
    <row r="18" spans="1:27" ht="12" customHeight="1">
      <c r="A18" s="89"/>
      <c r="B18" s="90"/>
      <c r="C18" s="108"/>
      <c r="D18" s="90"/>
      <c r="E18" s="93"/>
      <c r="F18" s="97"/>
      <c r="G18" s="90"/>
      <c r="H18" s="97"/>
      <c r="I18" s="90"/>
      <c r="J18" s="97"/>
      <c r="K18" s="90"/>
      <c r="L18" s="97"/>
      <c r="M18" s="90"/>
      <c r="N18" s="97"/>
      <c r="O18" s="90"/>
      <c r="P18" s="97"/>
      <c r="Q18" s="90"/>
      <c r="R18" s="97"/>
      <c r="S18" s="90"/>
      <c r="T18" s="97"/>
      <c r="U18" s="90"/>
      <c r="V18" s="97"/>
      <c r="W18" s="90"/>
      <c r="X18" s="97"/>
      <c r="Y18" s="90"/>
      <c r="Z18" s="97"/>
      <c r="AA18" s="98"/>
    </row>
    <row r="19" spans="1:27" ht="12" customHeight="1">
      <c r="A19" s="89"/>
      <c r="B19" s="90"/>
      <c r="C19" s="108"/>
      <c r="D19" s="90"/>
      <c r="E19" s="93"/>
      <c r="F19" s="97"/>
      <c r="G19" s="90"/>
      <c r="H19" s="97"/>
      <c r="I19" s="90"/>
      <c r="J19" s="97"/>
      <c r="K19" s="90"/>
      <c r="L19" s="97"/>
      <c r="M19" s="90"/>
      <c r="N19" s="97"/>
      <c r="O19" s="90"/>
      <c r="P19" s="97"/>
      <c r="Q19" s="90"/>
      <c r="R19" s="97"/>
      <c r="S19" s="90"/>
      <c r="T19" s="97"/>
      <c r="U19" s="90"/>
      <c r="V19" s="97"/>
      <c r="W19" s="90"/>
      <c r="X19" s="97"/>
      <c r="Y19" s="90"/>
      <c r="Z19" s="97"/>
      <c r="AA19" s="98"/>
    </row>
    <row r="20" spans="1:27" ht="12" customHeight="1">
      <c r="A20" s="89"/>
      <c r="B20" s="90"/>
      <c r="C20" s="108"/>
      <c r="D20" s="90"/>
      <c r="E20" s="93"/>
      <c r="F20" s="97"/>
      <c r="G20" s="90"/>
      <c r="H20" s="97"/>
      <c r="I20" s="90"/>
      <c r="J20" s="97"/>
      <c r="K20" s="90"/>
      <c r="L20" s="97"/>
      <c r="M20" s="90"/>
      <c r="N20" s="97"/>
      <c r="O20" s="90"/>
      <c r="P20" s="97"/>
      <c r="Q20" s="90"/>
      <c r="R20" s="97"/>
      <c r="S20" s="90"/>
      <c r="T20" s="97"/>
      <c r="U20" s="90"/>
      <c r="V20" s="97"/>
      <c r="W20" s="90"/>
      <c r="X20" s="97"/>
      <c r="Y20" s="90"/>
      <c r="Z20" s="97"/>
      <c r="AA20" s="98"/>
    </row>
    <row r="21" spans="1:27" ht="12" customHeight="1">
      <c r="A21" s="109"/>
      <c r="B21" s="90"/>
      <c r="C21" s="108"/>
      <c r="D21" s="90"/>
      <c r="E21" s="93"/>
      <c r="F21" s="97"/>
      <c r="G21" s="90"/>
      <c r="H21" s="97"/>
      <c r="I21" s="90"/>
      <c r="J21" s="97"/>
      <c r="K21" s="90"/>
      <c r="L21" s="97"/>
      <c r="M21" s="90"/>
      <c r="N21" s="97"/>
      <c r="O21" s="90"/>
      <c r="P21" s="97"/>
      <c r="Q21" s="90"/>
      <c r="R21" s="97"/>
      <c r="S21" s="90"/>
      <c r="T21" s="97"/>
      <c r="U21" s="90"/>
      <c r="V21" s="97"/>
      <c r="W21" s="90"/>
      <c r="X21" s="97"/>
      <c r="Y21" s="90"/>
      <c r="Z21" s="97"/>
      <c r="AA21" s="98"/>
    </row>
    <row r="22" spans="1:27" ht="12" customHeight="1">
      <c r="A22" s="109"/>
      <c r="B22" s="90"/>
      <c r="C22" s="108"/>
      <c r="D22" s="90"/>
      <c r="E22" s="93"/>
      <c r="F22" s="97"/>
      <c r="G22" s="90"/>
      <c r="H22" s="97"/>
      <c r="I22" s="90"/>
      <c r="J22" s="97"/>
      <c r="K22" s="90"/>
      <c r="L22" s="97"/>
      <c r="M22" s="90"/>
      <c r="N22" s="97"/>
      <c r="O22" s="90"/>
      <c r="P22" s="97"/>
      <c r="Q22" s="90"/>
      <c r="R22" s="97"/>
      <c r="S22" s="90"/>
      <c r="T22" s="97"/>
      <c r="U22" s="90"/>
      <c r="V22" s="97"/>
      <c r="W22" s="90"/>
      <c r="X22" s="97"/>
      <c r="Y22" s="90"/>
      <c r="Z22" s="97"/>
      <c r="AA22" s="98"/>
    </row>
    <row r="23" spans="1:27" ht="12" customHeight="1">
      <c r="A23" s="109"/>
      <c r="B23" s="90"/>
      <c r="C23" s="108"/>
      <c r="D23" s="90"/>
      <c r="E23" s="93"/>
      <c r="F23" s="97"/>
      <c r="G23" s="90"/>
      <c r="H23" s="97"/>
      <c r="I23" s="90"/>
      <c r="J23" s="97"/>
      <c r="K23" s="90"/>
      <c r="L23" s="97"/>
      <c r="M23" s="90"/>
      <c r="N23" s="97"/>
      <c r="O23" s="90"/>
      <c r="P23" s="97"/>
      <c r="Q23" s="90"/>
      <c r="R23" s="97"/>
      <c r="S23" s="90"/>
      <c r="T23" s="97"/>
      <c r="U23" s="90"/>
      <c r="V23" s="97"/>
      <c r="W23" s="90"/>
      <c r="X23" s="97"/>
      <c r="Y23" s="90"/>
      <c r="Z23" s="97"/>
      <c r="AA23" s="98"/>
    </row>
    <row r="24" spans="1:27" ht="12" customHeight="1">
      <c r="A24" s="109"/>
      <c r="B24" s="90"/>
      <c r="C24" s="108"/>
      <c r="D24" s="90"/>
      <c r="E24" s="93"/>
      <c r="F24" s="97"/>
      <c r="G24" s="90"/>
      <c r="H24" s="97"/>
      <c r="I24" s="90"/>
      <c r="J24" s="97"/>
      <c r="K24" s="90"/>
      <c r="L24" s="97"/>
      <c r="M24" s="90"/>
      <c r="N24" s="97"/>
      <c r="O24" s="90"/>
      <c r="P24" s="97"/>
      <c r="Q24" s="90"/>
      <c r="R24" s="97"/>
      <c r="S24" s="90"/>
      <c r="T24" s="97"/>
      <c r="U24" s="90"/>
      <c r="V24" s="97"/>
      <c r="W24" s="90"/>
      <c r="X24" s="97"/>
      <c r="Y24" s="90"/>
      <c r="Z24" s="97"/>
      <c r="AA24" s="98"/>
    </row>
    <row r="25" spans="1:27" ht="12" customHeight="1">
      <c r="A25" s="109"/>
      <c r="B25" s="90"/>
      <c r="C25" s="108"/>
      <c r="D25" s="90"/>
      <c r="E25" s="93"/>
      <c r="F25" s="97"/>
      <c r="G25" s="90"/>
      <c r="H25" s="97"/>
      <c r="I25" s="90"/>
      <c r="J25" s="97"/>
      <c r="K25" s="90"/>
      <c r="L25" s="97"/>
      <c r="M25" s="90"/>
      <c r="N25" s="97"/>
      <c r="O25" s="90"/>
      <c r="P25" s="97"/>
      <c r="Q25" s="90"/>
      <c r="R25" s="97"/>
      <c r="S25" s="90"/>
      <c r="T25" s="97"/>
      <c r="U25" s="90"/>
      <c r="V25" s="97"/>
      <c r="W25" s="90"/>
      <c r="X25" s="97"/>
      <c r="Y25" s="90"/>
      <c r="Z25" s="97"/>
      <c r="AA25" s="98"/>
    </row>
    <row r="26" spans="1:27" ht="12" customHeight="1">
      <c r="A26" s="109"/>
      <c r="B26" s="90"/>
      <c r="C26" s="108"/>
      <c r="D26" s="90"/>
      <c r="E26" s="93"/>
      <c r="F26" s="97"/>
      <c r="G26" s="90"/>
      <c r="H26" s="97"/>
      <c r="I26" s="90"/>
      <c r="J26" s="97"/>
      <c r="K26" s="90"/>
      <c r="L26" s="97"/>
      <c r="M26" s="90"/>
      <c r="N26" s="97"/>
      <c r="O26" s="90"/>
      <c r="P26" s="97"/>
      <c r="Q26" s="90"/>
      <c r="R26" s="97"/>
      <c r="S26" s="90"/>
      <c r="T26" s="97"/>
      <c r="U26" s="90"/>
      <c r="V26" s="97"/>
      <c r="W26" s="90"/>
      <c r="X26" s="97"/>
      <c r="Y26" s="90"/>
      <c r="Z26" s="97"/>
      <c r="AA26" s="98"/>
    </row>
    <row r="27" spans="1:27" ht="12" customHeight="1">
      <c r="A27" s="110"/>
      <c r="B27" s="102"/>
      <c r="C27" s="111"/>
      <c r="D27" s="102"/>
      <c r="E27" s="103"/>
      <c r="F27" s="104"/>
      <c r="G27" s="102"/>
      <c r="H27" s="104"/>
      <c r="I27" s="102"/>
      <c r="J27" s="104"/>
      <c r="K27" s="102"/>
      <c r="L27" s="104"/>
      <c r="M27" s="102"/>
      <c r="N27" s="104"/>
      <c r="O27" s="102"/>
      <c r="P27" s="104"/>
      <c r="Q27" s="102"/>
      <c r="R27" s="104"/>
      <c r="S27" s="102"/>
      <c r="T27" s="104"/>
      <c r="U27" s="102"/>
      <c r="V27" s="104"/>
      <c r="W27" s="102"/>
      <c r="X27" s="104"/>
      <c r="Y27" s="102"/>
      <c r="Z27" s="104"/>
      <c r="AA27" s="112"/>
    </row>
    <row r="28" spans="1:27" ht="12" customHeight="1">
      <c r="A28" s="107" t="s">
        <v>139</v>
      </c>
      <c r="B28" s="90"/>
      <c r="C28" s="108"/>
      <c r="D28" s="90"/>
      <c r="E28" s="93"/>
      <c r="F28" s="97"/>
      <c r="G28" s="90"/>
      <c r="H28" s="97"/>
      <c r="I28" s="90"/>
      <c r="J28" s="97"/>
      <c r="K28" s="90"/>
      <c r="L28" s="97"/>
      <c r="M28" s="90"/>
      <c r="N28" s="97"/>
      <c r="O28" s="90"/>
      <c r="P28" s="97"/>
      <c r="Q28" s="90"/>
      <c r="R28" s="97"/>
      <c r="S28" s="90"/>
      <c r="T28" s="97"/>
      <c r="U28" s="90"/>
      <c r="V28" s="97"/>
      <c r="W28" s="90"/>
      <c r="X28" s="97"/>
      <c r="Y28" s="90"/>
      <c r="Z28" s="97"/>
      <c r="AA28" s="98"/>
    </row>
    <row r="29" spans="1:27" ht="12" customHeight="1">
      <c r="A29" s="89" t="s">
        <v>140</v>
      </c>
      <c r="B29" s="90"/>
      <c r="C29" s="108"/>
      <c r="D29" s="90"/>
      <c r="E29" s="93"/>
      <c r="F29" s="97"/>
      <c r="G29" s="90"/>
      <c r="H29" s="97"/>
      <c r="I29" s="90"/>
      <c r="J29" s="97"/>
      <c r="K29" s="90"/>
      <c r="L29" s="97"/>
      <c r="M29" s="90"/>
      <c r="N29" s="97"/>
      <c r="O29" s="90"/>
      <c r="P29" s="97"/>
      <c r="Q29" s="90"/>
      <c r="R29" s="97"/>
      <c r="S29" s="90"/>
      <c r="T29" s="97"/>
      <c r="U29" s="90"/>
      <c r="V29" s="97"/>
      <c r="W29" s="90"/>
      <c r="X29" s="97"/>
      <c r="Y29" s="90"/>
      <c r="Z29" s="97"/>
      <c r="AA29" s="98"/>
    </row>
    <row r="30" spans="1:27" ht="12" customHeight="1">
      <c r="A30" s="89"/>
      <c r="B30" s="90"/>
      <c r="C30" s="108"/>
      <c r="D30" s="90"/>
      <c r="E30" s="93"/>
      <c r="F30" s="97"/>
      <c r="G30" s="90"/>
      <c r="H30" s="97"/>
      <c r="I30" s="90"/>
      <c r="J30" s="97"/>
      <c r="K30" s="90"/>
      <c r="L30" s="97"/>
      <c r="M30" s="90"/>
      <c r="N30" s="97"/>
      <c r="O30" s="90"/>
      <c r="P30" s="97"/>
      <c r="Q30" s="90"/>
      <c r="R30" s="97"/>
      <c r="S30" s="90"/>
      <c r="T30" s="97"/>
      <c r="U30" s="90"/>
      <c r="V30" s="97"/>
      <c r="W30" s="90"/>
      <c r="X30" s="97"/>
      <c r="Y30" s="90"/>
      <c r="Z30" s="97"/>
      <c r="AA30" s="98"/>
    </row>
    <row r="31" spans="1:27" ht="12" customHeight="1">
      <c r="A31" s="89" t="s">
        <v>141</v>
      </c>
      <c r="B31" s="90"/>
      <c r="C31" s="108"/>
      <c r="D31" s="90"/>
      <c r="E31" s="93"/>
      <c r="F31" s="97"/>
      <c r="G31" s="90"/>
      <c r="H31" s="97"/>
      <c r="I31" s="90"/>
      <c r="J31" s="97"/>
      <c r="K31" s="90"/>
      <c r="L31" s="97"/>
      <c r="M31" s="90"/>
      <c r="N31" s="97"/>
      <c r="O31" s="90"/>
      <c r="P31" s="97"/>
      <c r="Q31" s="90"/>
      <c r="R31" s="97"/>
      <c r="S31" s="90"/>
      <c r="T31" s="97"/>
      <c r="U31" s="90"/>
      <c r="V31" s="97"/>
      <c r="W31" s="90"/>
      <c r="X31" s="97"/>
      <c r="Y31" s="90"/>
      <c r="Z31" s="97"/>
      <c r="AA31" s="98"/>
    </row>
    <row r="32" spans="1:27" ht="12" customHeight="1">
      <c r="A32" s="89"/>
      <c r="B32" s="90"/>
      <c r="C32" s="108"/>
      <c r="D32" s="90"/>
      <c r="E32" s="93"/>
      <c r="F32" s="97"/>
      <c r="G32" s="90"/>
      <c r="H32" s="97"/>
      <c r="I32" s="90"/>
      <c r="J32" s="97"/>
      <c r="K32" s="90"/>
      <c r="L32" s="97"/>
      <c r="M32" s="90"/>
      <c r="N32" s="97"/>
      <c r="O32" s="90"/>
      <c r="P32" s="97"/>
      <c r="Q32" s="90"/>
      <c r="R32" s="97"/>
      <c r="S32" s="90"/>
      <c r="T32" s="97"/>
      <c r="U32" s="90"/>
      <c r="V32" s="97"/>
      <c r="W32" s="90"/>
      <c r="X32" s="97"/>
      <c r="Y32" s="90"/>
      <c r="Z32" s="97"/>
      <c r="AA32" s="98"/>
    </row>
    <row r="33" spans="1:27" ht="12" customHeight="1">
      <c r="A33" s="89"/>
      <c r="B33" s="90"/>
      <c r="C33" s="108"/>
      <c r="D33" s="90"/>
      <c r="E33" s="93"/>
      <c r="F33" s="97"/>
      <c r="G33" s="90"/>
      <c r="H33" s="97"/>
      <c r="I33" s="90"/>
      <c r="J33" s="97"/>
      <c r="K33" s="90"/>
      <c r="L33" s="97"/>
      <c r="M33" s="90"/>
      <c r="N33" s="97"/>
      <c r="O33" s="90"/>
      <c r="P33" s="97"/>
      <c r="Q33" s="90"/>
      <c r="R33" s="97"/>
      <c r="S33" s="90"/>
      <c r="T33" s="97"/>
      <c r="U33" s="90"/>
      <c r="V33" s="97"/>
      <c r="W33" s="90"/>
      <c r="X33" s="97"/>
      <c r="Y33" s="90"/>
      <c r="Z33" s="97"/>
      <c r="AA33" s="98"/>
    </row>
    <row r="34" spans="1:27" ht="12" customHeight="1">
      <c r="A34" s="89"/>
      <c r="B34" s="90"/>
      <c r="C34" s="108"/>
      <c r="D34" s="90"/>
      <c r="E34" s="93"/>
      <c r="F34" s="97"/>
      <c r="G34" s="90"/>
      <c r="H34" s="97"/>
      <c r="I34" s="90"/>
      <c r="J34" s="97"/>
      <c r="K34" s="90"/>
      <c r="L34" s="97"/>
      <c r="M34" s="90"/>
      <c r="N34" s="97"/>
      <c r="O34" s="90"/>
      <c r="P34" s="97"/>
      <c r="Q34" s="90"/>
      <c r="R34" s="97"/>
      <c r="S34" s="90"/>
      <c r="T34" s="97"/>
      <c r="U34" s="90"/>
      <c r="V34" s="97"/>
      <c r="W34" s="90"/>
      <c r="X34" s="97"/>
      <c r="Y34" s="90"/>
      <c r="Z34" s="97"/>
      <c r="AA34" s="98"/>
    </row>
    <row r="35" spans="1:27" ht="12" customHeight="1">
      <c r="A35" s="89"/>
      <c r="B35" s="90"/>
      <c r="C35" s="108"/>
      <c r="D35" s="90"/>
      <c r="E35" s="93"/>
      <c r="F35" s="97"/>
      <c r="G35" s="90"/>
      <c r="H35" s="97"/>
      <c r="I35" s="90"/>
      <c r="J35" s="97"/>
      <c r="K35" s="90"/>
      <c r="L35" s="97"/>
      <c r="M35" s="90"/>
      <c r="N35" s="97"/>
      <c r="O35" s="90"/>
      <c r="P35" s="97"/>
      <c r="Q35" s="90"/>
      <c r="R35" s="97"/>
      <c r="S35" s="90"/>
      <c r="T35" s="97"/>
      <c r="U35" s="90"/>
      <c r="V35" s="97"/>
      <c r="W35" s="90"/>
      <c r="X35" s="97"/>
      <c r="Y35" s="90"/>
      <c r="Z35" s="97"/>
      <c r="AA35" s="98"/>
    </row>
    <row r="36" spans="1:27" ht="12" customHeight="1">
      <c r="A36" s="89"/>
      <c r="B36" s="90"/>
      <c r="C36" s="108"/>
      <c r="D36" s="90"/>
      <c r="E36" s="93"/>
      <c r="F36" s="97"/>
      <c r="G36" s="90"/>
      <c r="H36" s="97"/>
      <c r="I36" s="90"/>
      <c r="J36" s="97"/>
      <c r="K36" s="90"/>
      <c r="L36" s="97"/>
      <c r="M36" s="90"/>
      <c r="N36" s="97"/>
      <c r="O36" s="90"/>
      <c r="P36" s="97"/>
      <c r="Q36" s="90"/>
      <c r="R36" s="97"/>
      <c r="S36" s="90"/>
      <c r="T36" s="97"/>
      <c r="U36" s="90"/>
      <c r="V36" s="97"/>
      <c r="W36" s="90"/>
      <c r="X36" s="97"/>
      <c r="Y36" s="90"/>
      <c r="Z36" s="97"/>
      <c r="AA36" s="98"/>
    </row>
    <row r="37" spans="1:27" ht="12" customHeight="1">
      <c r="A37" s="89"/>
      <c r="B37" s="90"/>
      <c r="C37" s="108"/>
      <c r="D37" s="90"/>
      <c r="E37" s="93"/>
      <c r="F37" s="97"/>
      <c r="G37" s="90"/>
      <c r="H37" s="97"/>
      <c r="I37" s="90"/>
      <c r="J37" s="97"/>
      <c r="K37" s="90"/>
      <c r="L37" s="97"/>
      <c r="M37" s="90"/>
      <c r="N37" s="97"/>
      <c r="O37" s="90"/>
      <c r="P37" s="97"/>
      <c r="Q37" s="90"/>
      <c r="R37" s="97"/>
      <c r="S37" s="90"/>
      <c r="T37" s="97"/>
      <c r="U37" s="90"/>
      <c r="V37" s="97"/>
      <c r="W37" s="90"/>
      <c r="X37" s="97"/>
      <c r="Y37" s="90"/>
      <c r="Z37" s="97"/>
      <c r="AA37" s="98"/>
    </row>
    <row r="38" spans="1:27" ht="12" customHeight="1">
      <c r="A38" s="89"/>
      <c r="B38" s="90"/>
      <c r="C38" s="108"/>
      <c r="D38" s="90"/>
      <c r="E38" s="93"/>
      <c r="F38" s="97"/>
      <c r="G38" s="90"/>
      <c r="H38" s="97"/>
      <c r="I38" s="90"/>
      <c r="J38" s="97"/>
      <c r="K38" s="90"/>
      <c r="L38" s="97"/>
      <c r="M38" s="90"/>
      <c r="N38" s="97"/>
      <c r="O38" s="90"/>
      <c r="P38" s="97"/>
      <c r="Q38" s="90"/>
      <c r="R38" s="97"/>
      <c r="S38" s="90"/>
      <c r="T38" s="97"/>
      <c r="U38" s="90"/>
      <c r="V38" s="97"/>
      <c r="W38" s="90"/>
      <c r="X38" s="97"/>
      <c r="Y38" s="90"/>
      <c r="Z38" s="97"/>
      <c r="AA38" s="98"/>
    </row>
    <row r="39" spans="1:27" ht="12" customHeight="1">
      <c r="A39" s="89"/>
      <c r="B39" s="90"/>
      <c r="C39" s="108"/>
      <c r="D39" s="90"/>
      <c r="E39" s="93"/>
      <c r="F39" s="97"/>
      <c r="G39" s="90"/>
      <c r="H39" s="97"/>
      <c r="I39" s="90"/>
      <c r="J39" s="97"/>
      <c r="K39" s="90"/>
      <c r="L39" s="97"/>
      <c r="M39" s="90"/>
      <c r="N39" s="97"/>
      <c r="O39" s="90"/>
      <c r="P39" s="97"/>
      <c r="Q39" s="90"/>
      <c r="R39" s="97"/>
      <c r="S39" s="90"/>
      <c r="T39" s="97"/>
      <c r="U39" s="90"/>
      <c r="V39" s="97"/>
      <c r="W39" s="90"/>
      <c r="X39" s="97"/>
      <c r="Y39" s="90"/>
      <c r="Z39" s="97"/>
      <c r="AA39" s="98"/>
    </row>
    <row r="40" spans="1:27" ht="12" customHeight="1">
      <c r="A40" s="89"/>
      <c r="B40" s="90"/>
      <c r="C40" s="108"/>
      <c r="D40" s="90"/>
      <c r="E40" s="93"/>
      <c r="F40" s="97"/>
      <c r="G40" s="90"/>
      <c r="H40" s="97"/>
      <c r="I40" s="90"/>
      <c r="J40" s="97"/>
      <c r="K40" s="90"/>
      <c r="L40" s="97"/>
      <c r="M40" s="90"/>
      <c r="N40" s="97"/>
      <c r="O40" s="90"/>
      <c r="P40" s="97"/>
      <c r="Q40" s="90"/>
      <c r="R40" s="97"/>
      <c r="S40" s="90"/>
      <c r="T40" s="97"/>
      <c r="U40" s="90"/>
      <c r="V40" s="97"/>
      <c r="W40" s="90"/>
      <c r="X40" s="97"/>
      <c r="Y40" s="90"/>
      <c r="Z40" s="97"/>
      <c r="AA40" s="98"/>
    </row>
    <row r="41" spans="1:27" ht="12" customHeight="1">
      <c r="A41" s="89"/>
      <c r="B41" s="90"/>
      <c r="C41" s="108"/>
      <c r="D41" s="90"/>
      <c r="E41" s="93"/>
      <c r="F41" s="97"/>
      <c r="G41" s="90"/>
      <c r="H41" s="97"/>
      <c r="I41" s="90"/>
      <c r="J41" s="97"/>
      <c r="K41" s="90"/>
      <c r="L41" s="97"/>
      <c r="M41" s="90"/>
      <c r="N41" s="97"/>
      <c r="O41" s="90"/>
      <c r="P41" s="97"/>
      <c r="Q41" s="90"/>
      <c r="R41" s="97"/>
      <c r="S41" s="90"/>
      <c r="T41" s="97"/>
      <c r="U41" s="90"/>
      <c r="V41" s="97"/>
      <c r="W41" s="90"/>
      <c r="X41" s="97"/>
      <c r="Y41" s="90"/>
      <c r="Z41" s="97"/>
      <c r="AA41" s="98"/>
    </row>
    <row r="42" spans="1:27" ht="12" customHeight="1">
      <c r="A42" s="99"/>
      <c r="B42" s="102"/>
      <c r="C42" s="111"/>
      <c r="D42" s="102"/>
      <c r="E42" s="103"/>
      <c r="F42" s="104"/>
      <c r="G42" s="102"/>
      <c r="H42" s="104"/>
      <c r="I42" s="102"/>
      <c r="J42" s="104"/>
      <c r="K42" s="102"/>
      <c r="L42" s="104"/>
      <c r="M42" s="102"/>
      <c r="N42" s="104"/>
      <c r="O42" s="102"/>
      <c r="P42" s="104"/>
      <c r="Q42" s="102"/>
      <c r="R42" s="104"/>
      <c r="S42" s="102"/>
      <c r="T42" s="104"/>
      <c r="U42" s="102"/>
      <c r="V42" s="104"/>
      <c r="W42" s="102"/>
      <c r="X42" s="104"/>
      <c r="Y42" s="102"/>
      <c r="Z42" s="104"/>
      <c r="AA42" s="112"/>
    </row>
    <row r="43" spans="1:27" ht="32.25" customHeight="1">
      <c r="A43" s="441" t="s">
        <v>142</v>
      </c>
      <c r="B43" s="441"/>
      <c r="C43" s="441"/>
      <c r="D43" s="441"/>
      <c r="E43" s="441"/>
      <c r="F43" s="441"/>
      <c r="G43" s="441"/>
      <c r="H43" s="441"/>
      <c r="I43" s="441"/>
      <c r="J43" s="441"/>
      <c r="K43" s="441"/>
      <c r="L43" s="441"/>
      <c r="M43" s="441"/>
      <c r="N43" s="441"/>
      <c r="O43" s="441"/>
      <c r="P43" s="441"/>
      <c r="Q43" s="441"/>
      <c r="R43" s="441"/>
      <c r="S43" s="441"/>
      <c r="T43" s="441"/>
      <c r="U43" s="441"/>
      <c r="V43" s="441"/>
      <c r="W43" s="441"/>
      <c r="X43" s="441"/>
      <c r="Y43" s="441"/>
      <c r="Z43" s="441"/>
      <c r="AA43" s="441"/>
    </row>
    <row r="44" spans="1:27" ht="15.75" customHeight="1">
      <c r="A44" s="113" t="s">
        <v>143</v>
      </c>
      <c r="B44" s="113"/>
      <c r="C44" s="113"/>
      <c r="D44" s="113"/>
      <c r="E44" s="113"/>
      <c r="F44" s="113"/>
      <c r="G44" s="113"/>
      <c r="H44" s="113"/>
      <c r="I44" s="113"/>
      <c r="J44" s="113"/>
      <c r="K44" s="113"/>
      <c r="L44" s="113"/>
      <c r="M44" s="113"/>
      <c r="N44" s="113"/>
      <c r="O44" s="113"/>
      <c r="P44" s="113"/>
      <c r="Q44" s="113"/>
      <c r="R44" s="113"/>
      <c r="S44" s="113"/>
      <c r="T44" s="113"/>
      <c r="U44" s="113"/>
      <c r="V44" s="113"/>
      <c r="W44" s="113"/>
      <c r="X44" s="113"/>
      <c r="Y44" s="113"/>
      <c r="Z44" s="113"/>
      <c r="AA44" s="113"/>
    </row>
    <row r="45" spans="1:27" ht="15.75" customHeight="1">
      <c r="A45" s="113"/>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topLeftCell="A67" zoomScaleNormal="100" zoomScaleSheetLayoutView="85" workbookViewId="0">
      <selection activeCell="K75" sqref="K75"/>
    </sheetView>
  </sheetViews>
  <sheetFormatPr defaultRowHeight="13.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c r="A1" s="1" t="s">
        <v>127</v>
      </c>
    </row>
    <row r="2" spans="1:8" ht="21" customHeight="1">
      <c r="A2" s="468" t="s">
        <v>145</v>
      </c>
      <c r="B2" s="468"/>
      <c r="C2" s="468"/>
      <c r="D2" s="468"/>
      <c r="E2" s="468"/>
      <c r="F2" s="468"/>
      <c r="G2" s="468"/>
      <c r="H2" s="468"/>
    </row>
    <row r="3" spans="1:8" ht="15" customHeight="1">
      <c r="A3" s="114"/>
      <c r="B3" s="114"/>
    </row>
    <row r="4" spans="1:8" ht="21" customHeight="1">
      <c r="A4" s="115" t="s">
        <v>146</v>
      </c>
    </row>
    <row r="5" spans="1:8" s="6" customFormat="1" ht="30" customHeight="1">
      <c r="A5" s="57" t="s">
        <v>43</v>
      </c>
      <c r="B5" s="469"/>
      <c r="C5" s="469"/>
      <c r="D5" s="469"/>
      <c r="E5" s="116" t="s">
        <v>147</v>
      </c>
      <c r="F5" s="456"/>
      <c r="G5" s="456"/>
      <c r="H5" s="457"/>
    </row>
    <row r="6" spans="1:8" s="6" customFormat="1" ht="30" customHeight="1">
      <c r="A6" s="470" t="s">
        <v>148</v>
      </c>
      <c r="B6" s="425"/>
      <c r="C6" s="426"/>
      <c r="D6" s="471" t="s">
        <v>149</v>
      </c>
      <c r="E6" s="472"/>
      <c r="F6" s="472"/>
      <c r="G6" s="472"/>
      <c r="H6" s="473"/>
    </row>
    <row r="7" spans="1:8" s="6" customFormat="1" ht="30" customHeight="1">
      <c r="A7" s="56" t="s">
        <v>79</v>
      </c>
      <c r="B7" s="56" t="s">
        <v>94</v>
      </c>
      <c r="C7" s="56" t="s">
        <v>95</v>
      </c>
      <c r="D7" s="56" t="s">
        <v>96</v>
      </c>
      <c r="E7" s="56" t="s">
        <v>97</v>
      </c>
      <c r="F7" s="56" t="s">
        <v>98</v>
      </c>
      <c r="G7" s="57" t="s">
        <v>99</v>
      </c>
      <c r="H7" s="58" t="s">
        <v>100</v>
      </c>
    </row>
    <row r="8" spans="1:8" s="6" customFormat="1" ht="30" customHeight="1">
      <c r="A8" s="56" t="s">
        <v>101</v>
      </c>
      <c r="B8" s="117"/>
      <c r="C8" s="60"/>
      <c r="D8" s="60"/>
      <c r="E8" s="60"/>
      <c r="F8" s="60"/>
      <c r="G8" s="61"/>
      <c r="H8" s="62"/>
    </row>
    <row r="9" spans="1:8" s="6" customFormat="1" ht="21" customHeight="1">
      <c r="A9" s="118" t="s">
        <v>150</v>
      </c>
      <c r="B9" s="119"/>
      <c r="C9" s="119"/>
      <c r="D9" s="119"/>
      <c r="E9" s="120"/>
      <c r="F9" s="120"/>
      <c r="G9" s="120"/>
      <c r="H9" s="120"/>
    </row>
    <row r="10" spans="1:8" s="6" customFormat="1" ht="30" customHeight="1">
      <c r="A10" s="57" t="s">
        <v>31</v>
      </c>
      <c r="B10" s="452"/>
      <c r="C10" s="452"/>
      <c r="D10" s="452"/>
      <c r="E10" s="56" t="s">
        <v>151</v>
      </c>
      <c r="F10" s="453"/>
      <c r="G10" s="453"/>
      <c r="H10" s="453"/>
    </row>
    <row r="11" spans="1:8" s="6" customFormat="1" ht="30" customHeight="1">
      <c r="A11" s="57" t="s">
        <v>152</v>
      </c>
      <c r="B11" s="452"/>
      <c r="C11" s="452"/>
      <c r="D11" s="452"/>
      <c r="E11" s="56" t="s">
        <v>153</v>
      </c>
      <c r="F11" s="453"/>
      <c r="G11" s="453"/>
      <c r="H11" s="453"/>
    </row>
    <row r="12" spans="1:8" s="6" customFormat="1" ht="30" customHeight="1">
      <c r="A12" s="463" t="s">
        <v>154</v>
      </c>
      <c r="B12" s="121" t="s">
        <v>155</v>
      </c>
      <c r="C12" s="121"/>
      <c r="D12" s="121"/>
      <c r="E12" s="121"/>
      <c r="F12" s="121"/>
      <c r="G12" s="121"/>
      <c r="H12" s="122"/>
    </row>
    <row r="13" spans="1:8" s="6" customFormat="1" ht="30" customHeight="1">
      <c r="A13" s="474"/>
      <c r="B13" s="121" t="s">
        <v>156</v>
      </c>
      <c r="C13" s="121"/>
      <c r="D13" s="121"/>
      <c r="E13" s="121"/>
      <c r="F13" s="121"/>
      <c r="G13" s="121"/>
      <c r="H13" s="122"/>
    </row>
    <row r="14" spans="1:8" s="6" customFormat="1" ht="30" customHeight="1">
      <c r="A14" s="474"/>
      <c r="B14" s="121" t="s">
        <v>157</v>
      </c>
      <c r="C14" s="121"/>
      <c r="D14" s="121"/>
      <c r="E14" s="121"/>
      <c r="F14" s="121"/>
      <c r="G14" s="121"/>
      <c r="H14" s="122"/>
    </row>
    <row r="15" spans="1:8" s="6" customFormat="1" ht="30" customHeight="1">
      <c r="A15" s="464"/>
      <c r="B15" s="123" t="s">
        <v>158</v>
      </c>
      <c r="C15" s="123"/>
      <c r="D15" s="123"/>
      <c r="E15" s="123"/>
      <c r="F15" s="123"/>
      <c r="G15" s="123"/>
      <c r="H15" s="124"/>
    </row>
    <row r="16" spans="1:8" s="6" customFormat="1" ht="30" customHeight="1">
      <c r="A16" s="424" t="s">
        <v>159</v>
      </c>
      <c r="B16" s="426"/>
      <c r="C16" s="125" t="s">
        <v>160</v>
      </c>
      <c r="D16" s="125"/>
      <c r="E16" s="125"/>
      <c r="F16" s="125"/>
      <c r="G16" s="125"/>
      <c r="H16" s="126"/>
    </row>
    <row r="17" spans="1:8" s="6" customFormat="1" ht="30" customHeight="1">
      <c r="A17" s="454" t="s">
        <v>161</v>
      </c>
      <c r="B17" s="454"/>
      <c r="C17" s="452"/>
      <c r="D17" s="452"/>
      <c r="E17" s="127" t="s">
        <v>162</v>
      </c>
      <c r="F17" s="128"/>
      <c r="G17" s="59" t="s">
        <v>163</v>
      </c>
      <c r="H17" s="129"/>
    </row>
    <row r="18" spans="1:8" s="6" customFormat="1" ht="30" customHeight="1">
      <c r="A18" s="454" t="s">
        <v>164</v>
      </c>
      <c r="B18" s="454"/>
      <c r="C18" s="475" t="s">
        <v>165</v>
      </c>
      <c r="D18" s="475"/>
      <c r="E18" s="475"/>
      <c r="F18" s="127" t="s">
        <v>166</v>
      </c>
      <c r="G18" s="455" t="s">
        <v>167</v>
      </c>
      <c r="H18" s="455"/>
    </row>
    <row r="19" spans="1:8" s="6" customFormat="1" ht="16.5" customHeight="1">
      <c r="A19" s="412" t="s">
        <v>481</v>
      </c>
      <c r="B19" s="414"/>
      <c r="C19" s="476" t="s">
        <v>482</v>
      </c>
      <c r="D19" s="477"/>
      <c r="E19" s="477"/>
      <c r="F19" s="477"/>
      <c r="G19" s="477"/>
      <c r="H19" s="478"/>
    </row>
    <row r="20" spans="1:8" s="6" customFormat="1" ht="90" customHeight="1">
      <c r="A20" s="415"/>
      <c r="B20" s="417"/>
      <c r="C20" s="479"/>
      <c r="D20" s="480"/>
      <c r="E20" s="480"/>
      <c r="F20" s="480"/>
      <c r="G20" s="480"/>
      <c r="H20" s="481"/>
    </row>
    <row r="21" spans="1:8" s="6" customFormat="1" ht="30" customHeight="1">
      <c r="A21" s="424" t="s">
        <v>168</v>
      </c>
      <c r="B21" s="426"/>
      <c r="C21" s="445" t="s">
        <v>169</v>
      </c>
      <c r="D21" s="445"/>
      <c r="E21" s="445"/>
      <c r="F21" s="445"/>
      <c r="G21" s="445"/>
      <c r="H21" s="446"/>
    </row>
    <row r="22" spans="1:8" s="6" customFormat="1" ht="30" customHeight="1">
      <c r="A22" s="424" t="s">
        <v>170</v>
      </c>
      <c r="B22" s="426"/>
      <c r="C22" s="445"/>
      <c r="D22" s="445"/>
      <c r="E22" s="445"/>
      <c r="F22" s="445"/>
      <c r="G22" s="445"/>
      <c r="H22" s="446"/>
    </row>
    <row r="23" spans="1:8" s="6" customFormat="1" ht="21" customHeight="1">
      <c r="A23" s="118" t="s">
        <v>171</v>
      </c>
      <c r="B23" s="119"/>
      <c r="C23" s="119"/>
      <c r="D23" s="119"/>
      <c r="E23" s="119"/>
      <c r="F23" s="120"/>
      <c r="G23" s="120"/>
      <c r="H23" s="120"/>
    </row>
    <row r="24" spans="1:8" s="6" customFormat="1" ht="30" customHeight="1">
      <c r="A24" s="454" t="s">
        <v>172</v>
      </c>
      <c r="B24" s="454"/>
      <c r="C24" s="455"/>
      <c r="D24" s="455"/>
      <c r="E24" s="455"/>
      <c r="F24" s="56" t="s">
        <v>173</v>
      </c>
      <c r="G24" s="455"/>
      <c r="H24" s="455"/>
    </row>
    <row r="25" spans="1:8" s="6" customFormat="1" ht="15" customHeight="1">
      <c r="A25" s="463" t="s">
        <v>174</v>
      </c>
      <c r="B25" s="465" t="s">
        <v>175</v>
      </c>
      <c r="C25" s="466"/>
      <c r="D25" s="466"/>
      <c r="E25" s="467"/>
      <c r="F25" s="463" t="s">
        <v>176</v>
      </c>
      <c r="G25" s="482"/>
      <c r="H25" s="459"/>
    </row>
    <row r="26" spans="1:8" s="6" customFormat="1" ht="15" customHeight="1">
      <c r="A26" s="464"/>
      <c r="B26" s="485" t="s">
        <v>177</v>
      </c>
      <c r="C26" s="485"/>
      <c r="D26" s="485"/>
      <c r="E26" s="486"/>
      <c r="F26" s="464"/>
      <c r="G26" s="483"/>
      <c r="H26" s="484"/>
    </row>
    <row r="27" spans="1:8" s="6" customFormat="1" ht="30" customHeight="1">
      <c r="A27" s="463" t="s">
        <v>154</v>
      </c>
      <c r="B27" s="130" t="s">
        <v>178</v>
      </c>
      <c r="D27" s="130"/>
      <c r="E27" s="130"/>
      <c r="F27" s="130"/>
      <c r="G27" s="130"/>
      <c r="H27" s="131"/>
    </row>
    <row r="28" spans="1:8" s="6" customFormat="1" ht="30" customHeight="1">
      <c r="A28" s="474"/>
      <c r="B28" s="121" t="s">
        <v>179</v>
      </c>
      <c r="D28" s="121"/>
      <c r="E28" s="121"/>
      <c r="F28" s="121"/>
      <c r="G28" s="121"/>
      <c r="H28" s="132"/>
    </row>
    <row r="29" spans="1:8" s="6" customFormat="1" ht="30" customHeight="1">
      <c r="A29" s="474"/>
      <c r="B29" s="121" t="s">
        <v>180</v>
      </c>
      <c r="D29" s="121"/>
      <c r="E29" s="121"/>
      <c r="F29" s="121"/>
      <c r="G29" s="121"/>
      <c r="H29" s="132"/>
    </row>
    <row r="30" spans="1:8" s="6" customFormat="1" ht="30" customHeight="1">
      <c r="A30" s="464"/>
      <c r="B30" s="121" t="s">
        <v>181</v>
      </c>
      <c r="C30" s="121" t="s">
        <v>182</v>
      </c>
      <c r="D30" s="121"/>
      <c r="E30" s="121"/>
      <c r="F30" s="121"/>
      <c r="G30" s="121"/>
      <c r="H30" s="132"/>
    </row>
    <row r="31" spans="1:8" s="6" customFormat="1" ht="30" customHeight="1">
      <c r="A31" s="424" t="s">
        <v>183</v>
      </c>
      <c r="B31" s="426"/>
      <c r="C31" s="445" t="s">
        <v>184</v>
      </c>
      <c r="D31" s="445"/>
      <c r="E31" s="445"/>
      <c r="F31" s="127" t="s">
        <v>185</v>
      </c>
      <c r="G31" s="456"/>
      <c r="H31" s="457"/>
    </row>
    <row r="32" spans="1:8" s="6" customFormat="1" ht="30" customHeight="1">
      <c r="A32" s="116" t="s">
        <v>186</v>
      </c>
      <c r="B32" s="456"/>
      <c r="C32" s="456"/>
      <c r="D32" s="456"/>
      <c r="E32" s="116" t="s">
        <v>187</v>
      </c>
      <c r="F32" s="456"/>
      <c r="G32" s="456"/>
      <c r="H32" s="457"/>
    </row>
    <row r="33" spans="1:8" s="6" customFormat="1" ht="21" customHeight="1">
      <c r="A33" s="412" t="s">
        <v>188</v>
      </c>
      <c r="B33" s="414"/>
      <c r="C33" s="121" t="s">
        <v>189</v>
      </c>
      <c r="D33" s="133"/>
      <c r="E33" s="458"/>
      <c r="F33" s="458"/>
      <c r="G33" s="458"/>
      <c r="H33" s="459"/>
    </row>
    <row r="34" spans="1:8" s="6" customFormat="1" ht="21" customHeight="1">
      <c r="A34" s="415"/>
      <c r="B34" s="417"/>
      <c r="C34" s="460" t="s">
        <v>190</v>
      </c>
      <c r="D34" s="461"/>
      <c r="E34" s="461"/>
      <c r="F34" s="461"/>
      <c r="G34" s="461"/>
      <c r="H34" s="462"/>
    </row>
    <row r="35" spans="1:8" s="6" customFormat="1" ht="21" customHeight="1">
      <c r="A35" s="134" t="s">
        <v>191</v>
      </c>
      <c r="B35" s="135"/>
      <c r="C35" s="135"/>
      <c r="D35" s="135"/>
      <c r="E35" s="135"/>
      <c r="F35" s="136"/>
      <c r="G35" s="136"/>
      <c r="H35" s="120"/>
    </row>
    <row r="36" spans="1:8" s="6" customFormat="1" ht="30" customHeight="1">
      <c r="A36" s="56" t="s">
        <v>192</v>
      </c>
      <c r="B36" s="452"/>
      <c r="C36" s="452"/>
      <c r="D36" s="56" t="s">
        <v>193</v>
      </c>
      <c r="E36" s="128"/>
      <c r="F36" s="56" t="s">
        <v>194</v>
      </c>
      <c r="G36" s="487" t="s">
        <v>195</v>
      </c>
      <c r="H36" s="429"/>
    </row>
    <row r="37" spans="1:8" s="6" customFormat="1" ht="30" customHeight="1">
      <c r="A37" s="57" t="s">
        <v>196</v>
      </c>
      <c r="B37" s="427" t="s">
        <v>197</v>
      </c>
      <c r="C37" s="428"/>
      <c r="D37" s="429"/>
      <c r="E37" s="56" t="s">
        <v>198</v>
      </c>
      <c r="F37" s="444" t="s">
        <v>199</v>
      </c>
      <c r="G37" s="445"/>
      <c r="H37" s="446"/>
    </row>
    <row r="38" spans="1:8" s="6" customFormat="1" ht="21" customHeight="1">
      <c r="A38" s="137" t="s">
        <v>200</v>
      </c>
      <c r="B38" s="138"/>
      <c r="C38" s="138"/>
      <c r="D38" s="138"/>
      <c r="E38" s="119"/>
      <c r="F38" s="138"/>
      <c r="G38" s="138"/>
      <c r="H38" s="138"/>
    </row>
    <row r="39" spans="1:8" s="6" customFormat="1" ht="30" customHeight="1">
      <c r="A39" s="454" t="s">
        <v>201</v>
      </c>
      <c r="B39" s="454"/>
      <c r="C39" s="56" t="s">
        <v>202</v>
      </c>
      <c r="D39" s="116" t="s">
        <v>203</v>
      </c>
      <c r="E39" s="116" t="s">
        <v>204</v>
      </c>
      <c r="F39" s="454" t="s">
        <v>201</v>
      </c>
      <c r="G39" s="454"/>
      <c r="H39" s="56" t="s">
        <v>202</v>
      </c>
    </row>
    <row r="40" spans="1:8" s="6" customFormat="1" ht="30" customHeight="1">
      <c r="A40" s="454" t="s">
        <v>380</v>
      </c>
      <c r="B40" s="454"/>
      <c r="C40" s="139"/>
      <c r="D40" s="140"/>
      <c r="E40" s="141"/>
      <c r="F40" s="454" t="s">
        <v>205</v>
      </c>
      <c r="G40" s="454"/>
      <c r="H40" s="139"/>
    </row>
    <row r="41" spans="1:8" s="6" customFormat="1" ht="30" customHeight="1">
      <c r="A41" s="454" t="s">
        <v>381</v>
      </c>
      <c r="B41" s="454"/>
      <c r="C41" s="139"/>
      <c r="D41" s="140"/>
      <c r="E41" s="141"/>
      <c r="F41" s="454" t="s">
        <v>206</v>
      </c>
      <c r="G41" s="454"/>
      <c r="H41" s="139"/>
    </row>
    <row r="42" spans="1:8" s="6" customFormat="1" ht="30" customHeight="1">
      <c r="A42" s="454" t="s">
        <v>382</v>
      </c>
      <c r="B42" s="454"/>
      <c r="C42" s="139"/>
      <c r="D42" s="140"/>
      <c r="E42" s="141"/>
      <c r="F42" s="454" t="s">
        <v>207</v>
      </c>
      <c r="G42" s="454"/>
      <c r="H42" s="139"/>
    </row>
    <row r="43" spans="1:8" s="6" customFormat="1" ht="30" customHeight="1">
      <c r="A43" s="454" t="s">
        <v>383</v>
      </c>
      <c r="B43" s="454"/>
      <c r="C43" s="139"/>
      <c r="D43" s="140"/>
      <c r="E43" s="141"/>
      <c r="F43" s="454" t="s">
        <v>208</v>
      </c>
      <c r="G43" s="454"/>
      <c r="H43" s="139"/>
    </row>
    <row r="44" spans="1:8" s="6" customFormat="1" ht="30" customHeight="1">
      <c r="A44" s="454" t="s">
        <v>384</v>
      </c>
      <c r="B44" s="454"/>
      <c r="C44" s="139"/>
      <c r="D44" s="140"/>
      <c r="E44" s="141"/>
      <c r="F44" s="454" t="s">
        <v>209</v>
      </c>
      <c r="G44" s="454"/>
      <c r="H44" s="139"/>
    </row>
    <row r="45" spans="1:8" s="6" customFormat="1" ht="30" customHeight="1">
      <c r="A45" s="454" t="s">
        <v>385</v>
      </c>
      <c r="B45" s="454"/>
      <c r="C45" s="139"/>
      <c r="D45" s="140"/>
      <c r="E45" s="141"/>
      <c r="F45" s="454" t="s">
        <v>210</v>
      </c>
      <c r="G45" s="454"/>
      <c r="H45" s="139"/>
    </row>
    <row r="46" spans="1:8" s="6" customFormat="1" ht="30" customHeight="1">
      <c r="A46" s="454" t="s">
        <v>386</v>
      </c>
      <c r="B46" s="454"/>
      <c r="C46" s="139"/>
      <c r="D46" s="140"/>
      <c r="E46" s="141"/>
      <c r="F46" s="454" t="s">
        <v>211</v>
      </c>
      <c r="G46" s="454"/>
      <c r="H46" s="139"/>
    </row>
    <row r="47" spans="1:8" s="6" customFormat="1" ht="30" customHeight="1" thickBot="1">
      <c r="A47" s="424" t="s">
        <v>212</v>
      </c>
      <c r="B47" s="426"/>
      <c r="C47" s="139"/>
      <c r="D47" s="142"/>
      <c r="E47" s="142"/>
      <c r="F47" s="412" t="s">
        <v>9</v>
      </c>
      <c r="G47" s="414"/>
      <c r="H47" s="143"/>
    </row>
    <row r="48" spans="1:8" s="6" customFormat="1" ht="30" customHeight="1" thickTop="1">
      <c r="A48" s="424" t="s">
        <v>213</v>
      </c>
      <c r="B48" s="426"/>
      <c r="C48" s="139"/>
      <c r="D48" s="142"/>
      <c r="E48" s="142"/>
      <c r="F48" s="488" t="s">
        <v>116</v>
      </c>
      <c r="G48" s="489"/>
      <c r="H48" s="144"/>
    </row>
    <row r="49" spans="1:8" s="6" customFormat="1" ht="21" customHeight="1">
      <c r="A49" s="145" t="s">
        <v>214</v>
      </c>
      <c r="B49" s="146"/>
      <c r="C49" s="119"/>
      <c r="D49" s="119"/>
      <c r="E49" s="119"/>
      <c r="F49" s="146"/>
      <c r="G49" s="146"/>
      <c r="H49" s="119"/>
    </row>
    <row r="50" spans="1:8" s="6" customFormat="1" ht="30" customHeight="1">
      <c r="A50" s="59" t="s">
        <v>215</v>
      </c>
      <c r="B50" s="445" t="s">
        <v>216</v>
      </c>
      <c r="C50" s="445"/>
      <c r="D50" s="445"/>
      <c r="E50" s="445"/>
      <c r="F50" s="445"/>
      <c r="G50" s="445"/>
      <c r="H50" s="446"/>
    </row>
    <row r="51" spans="1:8" s="6" customFormat="1" ht="30" customHeight="1">
      <c r="A51" s="454" t="s">
        <v>217</v>
      </c>
      <c r="B51" s="454"/>
      <c r="C51" s="454"/>
      <c r="D51" s="492"/>
      <c r="E51" s="492"/>
      <c r="F51" s="116" t="s">
        <v>218</v>
      </c>
      <c r="G51" s="493"/>
      <c r="H51" s="494"/>
    </row>
    <row r="52" spans="1:8" s="6" customFormat="1" ht="30" customHeight="1">
      <c r="A52" s="495" t="s">
        <v>219</v>
      </c>
      <c r="B52" s="495"/>
      <c r="C52" s="147" t="s">
        <v>220</v>
      </c>
      <c r="D52" s="470" t="s">
        <v>221</v>
      </c>
      <c r="E52" s="496"/>
      <c r="F52" s="497"/>
      <c r="G52" s="498"/>
      <c r="H52" s="499"/>
    </row>
    <row r="53" spans="1:8" s="6" customFormat="1" ht="21" customHeight="1">
      <c r="A53" s="148" t="s">
        <v>222</v>
      </c>
      <c r="B53" s="149"/>
      <c r="C53" s="119"/>
      <c r="D53" s="120"/>
      <c r="E53" s="120"/>
      <c r="F53" s="119"/>
      <c r="G53" s="120"/>
      <c r="H53" s="120"/>
    </row>
    <row r="54" spans="1:8" s="6" customFormat="1" ht="30" customHeight="1">
      <c r="A54" s="116" t="s">
        <v>223</v>
      </c>
      <c r="B54" s="428" t="s">
        <v>224</v>
      </c>
      <c r="C54" s="428"/>
      <c r="D54" s="428"/>
      <c r="E54" s="116" t="s">
        <v>225</v>
      </c>
      <c r="F54" s="427" t="s">
        <v>226</v>
      </c>
      <c r="G54" s="428"/>
      <c r="H54" s="429"/>
    </row>
    <row r="55" spans="1:8" s="6" customFormat="1" ht="30" customHeight="1">
      <c r="A55" s="490" t="s">
        <v>227</v>
      </c>
      <c r="B55" s="491"/>
      <c r="C55" s="283" t="s">
        <v>228</v>
      </c>
      <c r="D55" s="283"/>
      <c r="E55" s="283"/>
      <c r="F55" s="283"/>
      <c r="G55" s="283"/>
      <c r="H55" s="283"/>
    </row>
    <row r="56" spans="1:8" s="6" customFormat="1" ht="30" customHeight="1">
      <c r="A56" s="150" t="s">
        <v>229</v>
      </c>
      <c r="B56" s="298" t="s">
        <v>387</v>
      </c>
      <c r="C56" s="298"/>
      <c r="D56" s="298"/>
      <c r="E56" s="127" t="s">
        <v>230</v>
      </c>
      <c r="F56" s="298" t="s">
        <v>231</v>
      </c>
      <c r="G56" s="298"/>
      <c r="H56" s="298"/>
    </row>
    <row r="57" spans="1:8" s="154" customFormat="1" ht="16.5" customHeight="1">
      <c r="A57" s="447" t="s">
        <v>372</v>
      </c>
      <c r="B57" s="448" t="s">
        <v>371</v>
      </c>
      <c r="C57" s="448"/>
      <c r="D57" s="448"/>
      <c r="E57" s="448"/>
      <c r="F57" s="448"/>
      <c r="G57" s="448"/>
      <c r="H57" s="448"/>
    </row>
    <row r="58" spans="1:8" s="6" customFormat="1" ht="39" customHeight="1">
      <c r="A58" s="447"/>
      <c r="B58" s="449"/>
      <c r="C58" s="449"/>
      <c r="D58" s="449"/>
      <c r="E58" s="449"/>
      <c r="F58" s="449"/>
      <c r="G58" s="449"/>
      <c r="H58" s="449"/>
    </row>
    <row r="59" spans="1:8" s="6" customFormat="1" ht="39" customHeight="1">
      <c r="A59" s="447"/>
      <c r="B59" s="450"/>
      <c r="C59" s="450"/>
      <c r="D59" s="450"/>
      <c r="E59" s="450"/>
      <c r="F59" s="450"/>
      <c r="G59" s="450"/>
      <c r="H59" s="450"/>
    </row>
    <row r="60" spans="1:8" s="6" customFormat="1" ht="15.75" customHeight="1">
      <c r="A60" s="447"/>
      <c r="B60" s="451" t="s">
        <v>373</v>
      </c>
      <c r="C60" s="451"/>
      <c r="D60" s="451"/>
      <c r="E60" s="451"/>
      <c r="F60" s="451"/>
      <c r="G60" s="451"/>
      <c r="H60" s="451"/>
    </row>
    <row r="61" spans="1:8" s="6" customFormat="1" ht="39" customHeight="1">
      <c r="A61" s="447"/>
      <c r="B61" s="449"/>
      <c r="C61" s="449"/>
      <c r="D61" s="449"/>
      <c r="E61" s="449"/>
      <c r="F61" s="449"/>
      <c r="G61" s="449"/>
      <c r="H61" s="449"/>
    </row>
    <row r="62" spans="1:8" s="6" customFormat="1" ht="39" customHeight="1">
      <c r="A62" s="447"/>
      <c r="B62" s="450"/>
      <c r="C62" s="450"/>
      <c r="D62" s="450"/>
      <c r="E62" s="450"/>
      <c r="F62" s="450"/>
      <c r="G62" s="450"/>
      <c r="H62" s="450"/>
    </row>
    <row r="63" spans="1:8" s="6" customFormat="1" ht="21.75" customHeight="1">
      <c r="A63" s="151" t="s">
        <v>232</v>
      </c>
      <c r="B63" s="152"/>
      <c r="C63" s="152"/>
      <c r="D63" s="152"/>
      <c r="E63" s="153"/>
      <c r="F63" s="152"/>
      <c r="G63" s="152"/>
      <c r="H63" s="152"/>
    </row>
    <row r="64" spans="1:8" s="6" customFormat="1" ht="21" customHeight="1">
      <c r="A64" s="155" t="s">
        <v>233</v>
      </c>
      <c r="B64" s="156"/>
      <c r="C64" s="61" t="s">
        <v>234</v>
      </c>
      <c r="D64" s="125"/>
      <c r="E64" s="125"/>
      <c r="F64" s="125"/>
      <c r="G64" s="125"/>
      <c r="H64" s="126"/>
    </row>
    <row r="65" spans="1:8" s="6" customFormat="1" ht="32.25" customHeight="1">
      <c r="A65" s="155" t="s">
        <v>235</v>
      </c>
      <c r="B65" s="156"/>
      <c r="C65" s="500" t="s">
        <v>236</v>
      </c>
      <c r="D65" s="501"/>
      <c r="E65" s="501"/>
      <c r="F65" s="501"/>
      <c r="G65" s="501"/>
      <c r="H65" s="502"/>
    </row>
    <row r="66" spans="1:8" s="6" customFormat="1" ht="15" customHeight="1">
      <c r="A66" s="155" t="s">
        <v>237</v>
      </c>
      <c r="B66" s="156"/>
      <c r="C66" s="61" t="s">
        <v>238</v>
      </c>
      <c r="D66" s="125"/>
      <c r="E66" s="125"/>
      <c r="F66" s="125"/>
      <c r="G66" s="125"/>
      <c r="H66" s="126"/>
    </row>
    <row r="67" spans="1:8" s="6" customFormat="1" ht="30" customHeight="1">
      <c r="A67" s="155" t="s">
        <v>239</v>
      </c>
      <c r="B67" s="156"/>
      <c r="C67" s="500" t="s">
        <v>240</v>
      </c>
      <c r="D67" s="445"/>
      <c r="E67" s="445"/>
      <c r="F67" s="445"/>
      <c r="G67" s="445"/>
      <c r="H67" s="446"/>
    </row>
    <row r="68" spans="1:8" s="6" customFormat="1" ht="15" customHeight="1">
      <c r="A68" s="155" t="s">
        <v>241</v>
      </c>
      <c r="B68" s="156"/>
      <c r="C68" s="61" t="s">
        <v>242</v>
      </c>
      <c r="D68" s="125"/>
      <c r="E68" s="125"/>
      <c r="F68" s="125"/>
      <c r="G68" s="125"/>
      <c r="H68" s="126"/>
    </row>
    <row r="69" spans="1:8" s="6" customFormat="1" ht="15" customHeight="1">
      <c r="A69" s="503" t="s">
        <v>243</v>
      </c>
      <c r="B69" s="504"/>
      <c r="C69" s="507" t="s">
        <v>244</v>
      </c>
      <c r="D69" s="508"/>
      <c r="E69" s="508"/>
      <c r="F69" s="508"/>
      <c r="G69" s="508"/>
      <c r="H69" s="509"/>
    </row>
    <row r="70" spans="1:8" s="6" customFormat="1" ht="30" customHeight="1">
      <c r="A70" s="505"/>
      <c r="B70" s="506"/>
      <c r="C70" s="510" t="s">
        <v>245</v>
      </c>
      <c r="D70" s="511"/>
      <c r="E70" s="511"/>
      <c r="F70" s="511"/>
      <c r="G70" s="511"/>
      <c r="H70" s="512"/>
    </row>
    <row r="71" spans="1:8" s="6" customFormat="1" ht="30" customHeight="1">
      <c r="A71" s="503" t="s">
        <v>246</v>
      </c>
      <c r="B71" s="513"/>
      <c r="C71" s="507" t="s">
        <v>247</v>
      </c>
      <c r="D71" s="508"/>
      <c r="E71" s="508"/>
      <c r="F71" s="508"/>
      <c r="G71" s="508"/>
      <c r="H71" s="509"/>
    </row>
    <row r="72" spans="1:8" s="6" customFormat="1" ht="30" customHeight="1">
      <c r="A72" s="514"/>
      <c r="B72" s="515"/>
      <c r="C72" s="518" t="s">
        <v>248</v>
      </c>
      <c r="D72" s="519"/>
      <c r="E72" s="519"/>
      <c r="F72" s="519"/>
      <c r="G72" s="519"/>
      <c r="H72" s="520"/>
    </row>
    <row r="73" spans="1:8" s="6" customFormat="1" ht="30" customHeight="1">
      <c r="A73" s="514"/>
      <c r="B73" s="515"/>
      <c r="C73" s="518" t="s">
        <v>249</v>
      </c>
      <c r="D73" s="519"/>
      <c r="E73" s="519"/>
      <c r="F73" s="519"/>
      <c r="G73" s="519"/>
      <c r="H73" s="520"/>
    </row>
    <row r="74" spans="1:8" s="6" customFormat="1" ht="30" customHeight="1">
      <c r="A74" s="516"/>
      <c r="B74" s="517"/>
      <c r="C74" s="510" t="s">
        <v>250</v>
      </c>
      <c r="D74" s="511"/>
      <c r="E74" s="511"/>
      <c r="F74" s="511"/>
      <c r="G74" s="511"/>
      <c r="H74" s="512"/>
    </row>
    <row r="75" spans="1:8" s="6" customFormat="1" ht="30" customHeight="1">
      <c r="A75" s="442" t="s">
        <v>485</v>
      </c>
      <c r="B75" s="443"/>
      <c r="C75" s="444" t="s">
        <v>252</v>
      </c>
      <c r="D75" s="445"/>
      <c r="E75" s="445"/>
      <c r="F75" s="445"/>
      <c r="G75" s="445"/>
      <c r="H75" s="446"/>
    </row>
    <row r="76" spans="1:8" s="154" customFormat="1" ht="30" customHeight="1">
      <c r="A76" s="442" t="s">
        <v>251</v>
      </c>
      <c r="B76" s="443"/>
      <c r="C76" s="444" t="s">
        <v>252</v>
      </c>
      <c r="D76" s="445"/>
      <c r="E76" s="445"/>
      <c r="F76" s="445"/>
      <c r="G76" s="445"/>
      <c r="H76" s="446"/>
    </row>
    <row r="77" spans="1:8" s="6" customFormat="1" ht="30" customHeight="1">
      <c r="A77" s="442" t="s">
        <v>253</v>
      </c>
      <c r="B77" s="443"/>
      <c r="C77" s="444" t="s">
        <v>254</v>
      </c>
      <c r="D77" s="445"/>
      <c r="E77" s="445"/>
      <c r="F77" s="445"/>
      <c r="G77" s="445"/>
      <c r="H77" s="446"/>
    </row>
    <row r="78" spans="1:8" ht="27" customHeight="1">
      <c r="A78" s="442" t="s">
        <v>255</v>
      </c>
      <c r="B78" s="443"/>
      <c r="C78" s="444" t="s">
        <v>256</v>
      </c>
      <c r="D78" s="445"/>
      <c r="E78" s="445"/>
      <c r="F78" s="445"/>
      <c r="G78" s="445"/>
      <c r="H78" s="446"/>
    </row>
    <row r="79" spans="1:8" ht="24" customHeight="1">
      <c r="A79" s="157" t="s">
        <v>257</v>
      </c>
      <c r="B79" s="158"/>
      <c r="C79" s="159"/>
      <c r="D79" s="159"/>
      <c r="E79" s="159"/>
      <c r="F79" s="159"/>
      <c r="G79" s="159"/>
      <c r="H79" s="159"/>
    </row>
    <row r="80" spans="1:8" ht="21.75" customHeight="1">
      <c r="A80" s="442" t="s">
        <v>8</v>
      </c>
      <c r="B80" s="443"/>
      <c r="C80" s="444" t="s">
        <v>390</v>
      </c>
      <c r="D80" s="445"/>
      <c r="E80" s="445"/>
      <c r="F80" s="445"/>
      <c r="G80" s="445"/>
      <c r="H80" s="446"/>
    </row>
    <row r="81" spans="1:8" ht="21.75" customHeight="1">
      <c r="A81" s="442" t="s">
        <v>258</v>
      </c>
      <c r="B81" s="443"/>
      <c r="C81" s="444" t="s">
        <v>259</v>
      </c>
      <c r="D81" s="445"/>
      <c r="E81" s="445"/>
      <c r="F81" s="445"/>
      <c r="G81" s="445"/>
      <c r="H81" s="446"/>
    </row>
  </sheetData>
  <mergeCells count="104">
    <mergeCell ref="A80:B80"/>
    <mergeCell ref="C80:H80"/>
    <mergeCell ref="A81:B81"/>
    <mergeCell ref="C81:H81"/>
    <mergeCell ref="A78:B78"/>
    <mergeCell ref="C78:H78"/>
    <mergeCell ref="A76:B76"/>
    <mergeCell ref="C76:H76"/>
    <mergeCell ref="A77:B77"/>
    <mergeCell ref="C77:H77"/>
    <mergeCell ref="C65:H65"/>
    <mergeCell ref="C67:H67"/>
    <mergeCell ref="A69:B70"/>
    <mergeCell ref="C69:H69"/>
    <mergeCell ref="C70:H70"/>
    <mergeCell ref="A71:B74"/>
    <mergeCell ref="C71:H71"/>
    <mergeCell ref="C72:H72"/>
    <mergeCell ref="C73:H73"/>
    <mergeCell ref="C74:H74"/>
    <mergeCell ref="B54:D54"/>
    <mergeCell ref="F54:H54"/>
    <mergeCell ref="A55:B55"/>
    <mergeCell ref="C55:H55"/>
    <mergeCell ref="B56:D56"/>
    <mergeCell ref="F56:H56"/>
    <mergeCell ref="B50:H50"/>
    <mergeCell ref="A51:C51"/>
    <mergeCell ref="D51:E51"/>
    <mergeCell ref="G51:H51"/>
    <mergeCell ref="A52:B52"/>
    <mergeCell ref="D52:E52"/>
    <mergeCell ref="F52:H52"/>
    <mergeCell ref="A46:B46"/>
    <mergeCell ref="F46:G46"/>
    <mergeCell ref="A47:B47"/>
    <mergeCell ref="F47:G47"/>
    <mergeCell ref="A48:B48"/>
    <mergeCell ref="F48:G48"/>
    <mergeCell ref="A43:B43"/>
    <mergeCell ref="F43:G43"/>
    <mergeCell ref="A44:B44"/>
    <mergeCell ref="F44:G44"/>
    <mergeCell ref="A45:B45"/>
    <mergeCell ref="F45:G45"/>
    <mergeCell ref="A27:A30"/>
    <mergeCell ref="A40:B40"/>
    <mergeCell ref="F40:G40"/>
    <mergeCell ref="A41:B41"/>
    <mergeCell ref="F41:G41"/>
    <mergeCell ref="A42:B42"/>
    <mergeCell ref="F42:G42"/>
    <mergeCell ref="B36:C36"/>
    <mergeCell ref="G36:H36"/>
    <mergeCell ref="B37:D37"/>
    <mergeCell ref="F37:H37"/>
    <mergeCell ref="A39:B39"/>
    <mergeCell ref="F39:G39"/>
    <mergeCell ref="A25:A26"/>
    <mergeCell ref="B25:E25"/>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F25:F26"/>
    <mergeCell ref="G25:H26"/>
    <mergeCell ref="B26:E26"/>
    <mergeCell ref="A75:B75"/>
    <mergeCell ref="C75:H75"/>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5-10-17T01:06:16Z</dcterms:modified>
</cp:coreProperties>
</file>